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725"/>
  <workbookPr/>
  <mc:AlternateContent xmlns:mc="http://schemas.openxmlformats.org/markup-compatibility/2006">
    <mc:Choice Requires="x15">
      <x15ac:absPath xmlns:x15ac="http://schemas.microsoft.com/office/spreadsheetml/2010/11/ac" url="\\s04\VO_DOC\01. Súťaže\2026\02. Oddelenie VO\01. Prebiehajúce zákazky\07. Katka\2025 - 190 Centrálny venózny katéter\02. Príprava\05. PTK\02. Odoslané\"/>
    </mc:Choice>
  </mc:AlternateContent>
  <xr:revisionPtr revIDLastSave="0" documentId="8_{BBDA24DD-73A2-44FD-8084-A91F95A44E5A}" xr6:coauthVersionLast="47" xr6:coauthVersionMax="47" xr10:uidLastSave="{00000000-0000-0000-0000-000000000000}"/>
  <bookViews>
    <workbookView xWindow="-120" yWindow="-120" windowWidth="29040" windowHeight="15720" xr2:uid="{00000000-000D-0000-FFFF-FFFF00000000}"/>
  </bookViews>
  <sheets>
    <sheet name="Cenová ponuka" sheetId="8" r:id="rId1"/>
  </sheets>
  <definedNames>
    <definedName name="_xlnm.Print_Area" localSheetId="0">'Cenová ponuka'!$A$1:$E$160</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56" uniqueCount="164">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 xml:space="preserve">Požadované minimálne osobitné požiadavky na predmet zákazky:
</t>
  </si>
  <si>
    <t>P.č.</t>
  </si>
  <si>
    <t xml:space="preserve">Požadovaný počet MJ </t>
  </si>
  <si>
    <t>60000000-8 Dopravné služby (bez prepravy odpadu)</t>
  </si>
  <si>
    <r>
      <t xml:space="preserve">Kalkulácia ceny - Štruktúrovaný rozpočet ceny predmetu zákazky </t>
    </r>
    <r>
      <rPr>
        <i/>
        <sz val="10"/>
        <rFont val="Arial"/>
        <family val="2"/>
        <charset val="238"/>
      </rPr>
      <t>(Príloha č. 1)</t>
    </r>
  </si>
  <si>
    <t>3</t>
  </si>
  <si>
    <r>
      <rPr>
        <b/>
        <sz val="10"/>
        <color theme="1"/>
        <rFont val="Arial"/>
        <family val="2"/>
        <charset val="238"/>
      </rPr>
      <t xml:space="preserve">Prospektový materiál </t>
    </r>
    <r>
      <rPr>
        <sz val="10"/>
        <color theme="1"/>
        <rFont val="Arial"/>
        <family val="2"/>
        <charset val="238"/>
      </rPr>
      <t>(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t>Potvrdenie ŠÚKL</t>
    </r>
    <r>
      <rPr>
        <sz val="10"/>
        <color theme="1"/>
        <rFont val="Arial"/>
        <family val="2"/>
        <charset val="238"/>
      </rPr>
      <t xml:space="preserve"> (výstup z databázy registrovaných/evidovaných zdravotníckych pomôcok), resp. iné doklady, ktoré nahrádzajú požadované potvrdenie. </t>
    </r>
  </si>
  <si>
    <t>1</t>
  </si>
  <si>
    <t>2</t>
  </si>
  <si>
    <t>4</t>
  </si>
  <si>
    <t>3.1</t>
  </si>
  <si>
    <t>3.2</t>
  </si>
  <si>
    <t>3.3</t>
  </si>
  <si>
    <t>3.4</t>
  </si>
  <si>
    <t>3.5</t>
  </si>
  <si>
    <t>6.</t>
  </si>
  <si>
    <t>7.</t>
  </si>
  <si>
    <t>8.</t>
  </si>
  <si>
    <t>9.</t>
  </si>
  <si>
    <t>10.</t>
  </si>
  <si>
    <t>12.</t>
  </si>
  <si>
    <t>13.</t>
  </si>
  <si>
    <t>14.</t>
  </si>
  <si>
    <t>15.</t>
  </si>
  <si>
    <t>tovar, služba</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16.</t>
  </si>
  <si>
    <t>17.</t>
  </si>
  <si>
    <t>Centrálny venózny katéter</t>
  </si>
  <si>
    <t>33141200-2  Katétre</t>
  </si>
  <si>
    <t>Špeciálny zdravotnícky materiál</t>
  </si>
  <si>
    <t>Centrálny  venózny  katéter  3-lúmenový s antimikrobiálnym krytím 20cm</t>
  </si>
  <si>
    <t>Centrálny  venózny  katéter  4-lúmenový s antimikrobiálnym krytím 20cm</t>
  </si>
  <si>
    <t>Hemodialyzačný katéter – 2 lumenový 20cm</t>
  </si>
  <si>
    <t>Centrálny  venózny  katéter  5-lúmenový s antimikrobiálnym krytím 20cm</t>
  </si>
  <si>
    <t>2.1</t>
  </si>
  <si>
    <t>2.1.1</t>
  </si>
  <si>
    <t>2.1.2</t>
  </si>
  <si>
    <t>2.1.3</t>
  </si>
  <si>
    <t>2.1.3.1</t>
  </si>
  <si>
    <t>2.2</t>
  </si>
  <si>
    <t>2.2.1</t>
  </si>
  <si>
    <t>2.2.2</t>
  </si>
  <si>
    <t>2.2.3</t>
  </si>
  <si>
    <t>2.2.4</t>
  </si>
  <si>
    <t>2.2.5</t>
  </si>
  <si>
    <t>2.2.6</t>
  </si>
  <si>
    <t>2.2.7</t>
  </si>
  <si>
    <t>Jednorázový, sterilne zabalený set, jednotlivé položky setu navzájom kompatibilné</t>
  </si>
  <si>
    <t>Set musí obsahovať</t>
  </si>
  <si>
    <t>xxx</t>
  </si>
  <si>
    <t>Katetér</t>
  </si>
  <si>
    <t>3-lúmenový centrálny venózny katéter, 7 Fr., v dĺžke 20 cm</t>
  </si>
  <si>
    <t>lumeny 16/18/18 G</t>
  </si>
  <si>
    <t>z röntgenkontrastného polyuretánu</t>
  </si>
  <si>
    <t xml:space="preserve">s antimikrobiálnym krytím /chlorhexidin alebo soli striebra/ </t>
  </si>
  <si>
    <t>ostatné príslušenstvo:</t>
  </si>
  <si>
    <t>vodiaci drôt z nitinolu, odolný voči zalomeniu,  na jednom konci rovný a na druhom „J“ tip, uložený v posunovači, cm značený,  s EKG značkou</t>
  </si>
  <si>
    <t>zavádzacia ihla</t>
  </si>
  <si>
    <t>dilatátor</t>
  </si>
  <si>
    <t>klemovanie liniek, uzávery katétra</t>
  </si>
  <si>
    <t>striekačka 5ml</t>
  </si>
  <si>
    <t>bezkrvné zavedenie drôtu cez striekačku alebo ihlu</t>
  </si>
  <si>
    <t>EKG kábel</t>
  </si>
  <si>
    <t>Položka č. 2 - Centrálny  venózny  katéter  4-lúmenový s antimikrobiálnym krytím 20cm</t>
  </si>
  <si>
    <t>Opis a požadované minimálne technické vlastnosti, parametre a hodnoty predmetu zákazky:</t>
  </si>
  <si>
    <t xml:space="preserve">Položka č. 1 - Centrálny  venózny  katéter  3-lúmenový s antimikrobiálnym krytím 20cm
</t>
  </si>
  <si>
    <t>Set musí obsahovať:</t>
  </si>
  <si>
    <t>Katéter:</t>
  </si>
  <si>
    <t>4-lúmenový centrálny venózny katéter, 8-8,5 Fr., v dĺžke 20 cm</t>
  </si>
  <si>
    <t>lumeny 16/14/18/18 G</t>
  </si>
  <si>
    <t>s antimikrobiálnym krytím /chlorhexidin alebo soli striebra/</t>
  </si>
  <si>
    <t>Položka č. 3 - Hemodialyzačný katéter – 2 lumenový 20cm</t>
  </si>
  <si>
    <t>2.1.1.1</t>
  </si>
  <si>
    <t>2.1.1.2</t>
  </si>
  <si>
    <t>2-lumenový hemodialyzačný katéter,  12Fr., v dĺžke 20 cm</t>
  </si>
  <si>
    <t>Proximal: 11G</t>
  </si>
  <si>
    <t>Distal:  11G</t>
  </si>
  <si>
    <t>vodiaci drôt z nitinolu, odolný voči zalomeniu,  na jednom konci rovný a na druhom „J“ tip, veľkosť 0,95-0,97mm x 60-70cm, uložený v posunovači, cm značený</t>
  </si>
  <si>
    <t>Položka č. 4 - Centrálny  venózny  katéter  5-lúmenový s antimikrobiálnym krytím 20cm</t>
  </si>
  <si>
    <t>5-lúmenový centrálny venózny katéter, 8,5-9,5 Fr., v dĺžke 20 cm</t>
  </si>
  <si>
    <t>lumeny 16/12-14/18/18/18 G</t>
  </si>
  <si>
    <t>vodiaci drôt z nitinolu, odolný voči zalomeniu,  na jednom konci rovný a na druhom „J“ tip, veľkosť 0,81-0,88mm x 60cm, uložený v posunovači, cm značený,  s EKG značkou</t>
  </si>
  <si>
    <t>zavádzacia ihla 18Ga</t>
  </si>
  <si>
    <t>dilatátor 9 Fr</t>
  </si>
  <si>
    <t>Požaduje sa uzatvorenie rámcovej dohody, a to na  dohodnuté zmluvné obdobie tridsaťšesť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4: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6.1</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š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v zmluvných podmienká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name val="Calibri"/>
      <family val="2"/>
      <charset val="238"/>
      <scheme val="minor"/>
    </font>
    <font>
      <b/>
      <sz val="11"/>
      <color theme="1"/>
      <name val="Arial"/>
      <family val="2"/>
      <charset val="238"/>
    </font>
    <font>
      <i/>
      <sz val="1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68">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auto="1"/>
      </left>
      <right/>
      <top style="dotted">
        <color indexed="64"/>
      </top>
      <bottom style="dotted">
        <color indexed="64"/>
      </bottom>
      <diagonal/>
    </border>
    <border>
      <left style="thin">
        <color auto="1"/>
      </left>
      <right/>
      <top/>
      <bottom style="thin">
        <color auto="1"/>
      </bottom>
      <diagonal/>
    </border>
    <border>
      <left style="thin">
        <color auto="1"/>
      </left>
      <right style="thin">
        <color auto="1"/>
      </right>
      <top style="dotted">
        <color indexed="64"/>
      </top>
      <bottom style="thin">
        <color auto="1"/>
      </bottom>
      <diagonal/>
    </border>
    <border>
      <left style="thin">
        <color auto="1"/>
      </left>
      <right/>
      <top/>
      <bottom style="dotted">
        <color indexed="64"/>
      </bottom>
      <diagonal/>
    </border>
    <border>
      <left style="thin">
        <color auto="1"/>
      </left>
      <right style="thin">
        <color auto="1"/>
      </right>
      <top style="dotted">
        <color indexed="64"/>
      </top>
      <bottom style="dotted">
        <color indexed="64"/>
      </bottom>
      <diagonal/>
    </border>
    <border>
      <left style="thin">
        <color auto="1"/>
      </left>
      <right/>
      <top style="thin">
        <color auto="1"/>
      </top>
      <bottom/>
      <diagonal/>
    </border>
    <border>
      <left/>
      <right style="medium">
        <color auto="1"/>
      </right>
      <top/>
      <bottom style="thin">
        <color auto="1"/>
      </bottom>
      <diagonal/>
    </border>
    <border>
      <left/>
      <right style="medium">
        <color auto="1"/>
      </right>
      <top style="dotted">
        <color auto="1"/>
      </top>
      <bottom style="dotted">
        <color indexed="64"/>
      </bottom>
      <diagonal/>
    </border>
    <border>
      <left style="medium">
        <color auto="1"/>
      </left>
      <right/>
      <top/>
      <bottom/>
      <diagonal/>
    </border>
    <border>
      <left/>
      <right style="medium">
        <color auto="1"/>
      </right>
      <top/>
      <bottom/>
      <diagonal/>
    </border>
    <border>
      <left style="thin">
        <color auto="1"/>
      </left>
      <right style="dotted">
        <color auto="1"/>
      </right>
      <top/>
      <bottom/>
      <diagonal/>
    </border>
    <border>
      <left style="medium">
        <color auto="1"/>
      </left>
      <right style="thin">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right style="thin">
        <color auto="1"/>
      </right>
      <top style="thin">
        <color auto="1"/>
      </top>
      <bottom/>
      <diagonal/>
    </border>
    <border>
      <left style="dotted">
        <color auto="1"/>
      </left>
      <right style="thin">
        <color indexed="64"/>
      </right>
      <top style="medium">
        <color auto="1"/>
      </top>
      <bottom style="dotted">
        <color auto="1"/>
      </bottom>
      <diagonal/>
    </border>
    <border>
      <left style="dotted">
        <color indexed="64"/>
      </left>
      <right style="thin">
        <color indexed="64"/>
      </right>
      <top style="dotted">
        <color indexed="64"/>
      </top>
      <bottom style="dotted">
        <color indexed="64"/>
      </bottom>
      <diagonal/>
    </border>
    <border>
      <left/>
      <right style="thin">
        <color auto="1"/>
      </right>
      <top style="dotted">
        <color indexed="64"/>
      </top>
      <bottom style="dotted">
        <color indexed="64"/>
      </bottom>
      <diagonal/>
    </border>
    <border>
      <left/>
      <right style="thin">
        <color indexed="64"/>
      </right>
      <top/>
      <bottom/>
      <diagonal/>
    </border>
    <border>
      <left style="thin">
        <color indexed="64"/>
      </left>
      <right style="medium">
        <color indexed="64"/>
      </right>
      <top style="medium">
        <color indexed="64"/>
      </top>
      <bottom style="dotted">
        <color indexed="64"/>
      </bottom>
      <diagonal/>
    </border>
    <border>
      <left style="thin">
        <color indexed="64"/>
      </left>
      <right style="thin">
        <color indexed="64"/>
      </right>
      <top style="medium">
        <color indexed="64"/>
      </top>
      <bottom style="dotted">
        <color indexed="64"/>
      </bottom>
      <diagonal/>
    </border>
    <border>
      <left style="thin">
        <color auto="1"/>
      </left>
      <right/>
      <top/>
      <bottom/>
      <diagonal/>
    </border>
    <border>
      <left/>
      <right style="medium">
        <color auto="1"/>
      </right>
      <top style="thin">
        <color indexed="64"/>
      </top>
      <bottom/>
      <diagonal/>
    </border>
    <border>
      <left style="thin">
        <color auto="1"/>
      </left>
      <right/>
      <top style="medium">
        <color auto="1"/>
      </top>
      <bottom style="dotted">
        <color indexed="64"/>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indexed="64"/>
      </bottom>
      <diagonal/>
    </border>
    <border>
      <left/>
      <right style="thin">
        <color auto="1"/>
      </right>
      <top style="medium">
        <color indexed="64"/>
      </top>
      <bottom/>
      <diagonal/>
    </border>
    <border>
      <left/>
      <right style="thin">
        <color auto="1"/>
      </right>
      <top style="dotted">
        <color indexed="64"/>
      </top>
      <bottom style="medium">
        <color indexed="64"/>
      </bottom>
      <diagonal/>
    </border>
    <border>
      <left style="thin">
        <color auto="1"/>
      </left>
      <right/>
      <top style="dotted">
        <color indexed="64"/>
      </top>
      <bottom style="medium">
        <color indexed="64"/>
      </bottom>
      <diagonal/>
    </border>
    <border>
      <left style="medium">
        <color auto="1"/>
      </left>
      <right style="thin">
        <color auto="1"/>
      </right>
      <top style="thin">
        <color auto="1"/>
      </top>
      <bottom style="thin">
        <color auto="1"/>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tted">
        <color indexed="64"/>
      </left>
      <right style="thin">
        <color indexed="64"/>
      </right>
      <top style="dotted">
        <color indexed="64"/>
      </top>
      <bottom style="medium">
        <color indexed="64"/>
      </bottom>
      <diagonal/>
    </border>
    <border>
      <left style="thin">
        <color indexed="64"/>
      </left>
      <right style="thin">
        <color indexed="64"/>
      </right>
      <top style="dotted">
        <color indexed="64"/>
      </top>
      <bottom style="dashed">
        <color indexed="64"/>
      </bottom>
      <diagonal/>
    </border>
    <border>
      <left style="thin">
        <color auto="1"/>
      </left>
      <right style="medium">
        <color auto="1"/>
      </right>
      <top/>
      <bottom style="medium">
        <color indexed="64"/>
      </bottom>
      <diagonal/>
    </border>
    <border>
      <left/>
      <right style="thin">
        <color auto="1"/>
      </right>
      <top style="dotted">
        <color indexed="64"/>
      </top>
      <bottom/>
      <diagonal/>
    </border>
    <border>
      <left style="thin">
        <color auto="1"/>
      </left>
      <right/>
      <top style="dotted">
        <color indexed="64"/>
      </top>
      <bottom/>
      <diagonal/>
    </border>
    <border>
      <left style="medium">
        <color auto="1"/>
      </left>
      <right style="thin">
        <color auto="1"/>
      </right>
      <top style="thin">
        <color auto="1"/>
      </top>
      <bottom/>
      <diagonal/>
    </border>
    <border>
      <left style="medium">
        <color indexed="64"/>
      </left>
      <right style="thin">
        <color auto="1"/>
      </right>
      <top style="medium">
        <color indexed="64"/>
      </top>
      <bottom style="thin">
        <color auto="1"/>
      </bottom>
      <diagonal/>
    </border>
    <border>
      <left style="thin">
        <color auto="1"/>
      </left>
      <right/>
      <top style="medium">
        <color indexed="64"/>
      </top>
      <bottom style="thin">
        <color auto="1"/>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dotted">
        <color auto="1"/>
      </left>
      <right style="thin">
        <color indexed="64"/>
      </right>
      <top/>
      <bottom style="dotted">
        <color auto="1"/>
      </bottom>
      <diagonal/>
    </border>
    <border>
      <left style="thin">
        <color indexed="64"/>
      </left>
      <right style="thin">
        <color indexed="64"/>
      </right>
      <top/>
      <bottom style="dotted">
        <color indexed="64"/>
      </bottom>
      <diagonal/>
    </border>
    <border>
      <left/>
      <right style="medium">
        <color indexed="64"/>
      </right>
      <top style="medium">
        <color indexed="64"/>
      </top>
      <bottom style="dotted">
        <color indexed="64"/>
      </bottom>
      <diagonal/>
    </border>
    <border>
      <left/>
      <right style="thin">
        <color indexed="64"/>
      </right>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7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0" fontId="2" fillId="0" borderId="0" xfId="0" applyFont="1" applyAlignment="1">
      <alignment horizontal="center" vertical="center" wrapText="1"/>
    </xf>
    <xf numFmtId="0" fontId="2" fillId="0" borderId="0" xfId="0" applyFont="1" applyAlignment="1">
      <alignment horizontal="center"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16" fontId="5" fillId="0" borderId="0" xfId="0" applyNumberFormat="1" applyFont="1" applyAlignment="1">
      <alignment horizontal="left" wrapText="1"/>
    </xf>
    <xf numFmtId="0" fontId="2" fillId="3" borderId="9" xfId="0" applyFont="1" applyFill="1" applyBorder="1" applyAlignment="1">
      <alignment horizontal="left" vertical="top" wrapText="1"/>
    </xf>
    <xf numFmtId="0" fontId="2" fillId="3" borderId="9"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Alignment="1">
      <alignment wrapText="1"/>
    </xf>
    <xf numFmtId="16" fontId="9" fillId="0" borderId="0" xfId="0" applyNumberFormat="1" applyFont="1" applyAlignment="1">
      <alignment wrapText="1"/>
    </xf>
    <xf numFmtId="0" fontId="9" fillId="0" borderId="0" xfId="0" applyFont="1" applyAlignment="1">
      <alignment horizontal="center" vertical="center" wrapText="1"/>
    </xf>
    <xf numFmtId="49" fontId="2" fillId="2" borderId="13" xfId="0" applyNumberFormat="1" applyFont="1" applyFill="1" applyBorder="1" applyAlignment="1">
      <alignment horizontal="center" vertical="center" wrapText="1"/>
    </xf>
    <xf numFmtId="0" fontId="3" fillId="0" borderId="0" xfId="0" applyFont="1" applyAlignment="1">
      <alignment vertical="center"/>
    </xf>
    <xf numFmtId="0" fontId="10" fillId="0" borderId="0" xfId="0" applyFont="1" applyAlignment="1">
      <alignment vertical="center" wrapText="1"/>
    </xf>
    <xf numFmtId="16" fontId="5" fillId="0" borderId="0" xfId="0" applyNumberFormat="1" applyFont="1" applyAlignment="1">
      <alignment vertical="top" wrapText="1"/>
    </xf>
    <xf numFmtId="0" fontId="4" fillId="0" borderId="0" xfId="0" applyFont="1" applyAlignment="1">
      <alignment horizontal="left" vertical="top" wrapText="1"/>
    </xf>
    <xf numFmtId="0" fontId="7" fillId="2" borderId="9" xfId="5" applyFont="1" applyFill="1" applyBorder="1" applyAlignment="1">
      <alignment horizontal="right" vertical="center" wrapText="1"/>
    </xf>
    <xf numFmtId="0" fontId="11" fillId="0" borderId="0" xfId="0" applyFont="1" applyAlignment="1">
      <alignment horizontal="left" vertical="center" wrapText="1"/>
    </xf>
    <xf numFmtId="0" fontId="7" fillId="0" borderId="0" xfId="0" applyFont="1" applyAlignment="1">
      <alignment horizontal="left" vertical="center" wrapText="1"/>
    </xf>
    <xf numFmtId="0" fontId="7" fillId="0" borderId="22" xfId="0" applyFont="1" applyBorder="1" applyAlignment="1">
      <alignment horizontal="center" vertical="center" wrapText="1"/>
    </xf>
    <xf numFmtId="0" fontId="2" fillId="0" borderId="33" xfId="0" applyFont="1" applyBorder="1" applyAlignment="1">
      <alignment vertical="center" wrapText="1"/>
    </xf>
    <xf numFmtId="0" fontId="2" fillId="0" borderId="34" xfId="0" applyFont="1" applyBorder="1" applyAlignment="1">
      <alignment vertical="center" wrapText="1"/>
    </xf>
    <xf numFmtId="0" fontId="7" fillId="0" borderId="38" xfId="0" applyFont="1" applyBorder="1" applyAlignment="1">
      <alignment horizontal="center" vertical="center" wrapText="1"/>
    </xf>
    <xf numFmtId="0" fontId="7" fillId="0" borderId="36" xfId="0" applyFont="1" applyBorder="1" applyAlignment="1">
      <alignment horizontal="center" vertical="center" wrapText="1"/>
    </xf>
    <xf numFmtId="0" fontId="7" fillId="0" borderId="20" xfId="0" applyFont="1" applyBorder="1" applyAlignment="1">
      <alignment horizontal="center" vertical="center" wrapText="1"/>
    </xf>
    <xf numFmtId="49" fontId="5" fillId="0" borderId="26" xfId="1" applyNumberFormat="1" applyFont="1" applyBorder="1" applyAlignment="1">
      <alignment horizontal="left" vertical="top" wrapText="1"/>
    </xf>
    <xf numFmtId="49" fontId="5" fillId="0" borderId="0" xfId="1" applyNumberFormat="1" applyFont="1" applyAlignment="1">
      <alignment horizontal="left" vertical="top" wrapText="1"/>
    </xf>
    <xf numFmtId="49" fontId="5" fillId="0" borderId="0" xfId="1" applyNumberFormat="1" applyFont="1" applyAlignment="1">
      <alignment horizontal="center" vertical="top" wrapText="1"/>
    </xf>
    <xf numFmtId="49" fontId="5" fillId="0" borderId="27" xfId="1" applyNumberFormat="1" applyFont="1" applyBorder="1" applyAlignment="1">
      <alignment horizontal="left" vertical="center" wrapText="1"/>
    </xf>
    <xf numFmtId="0" fontId="2" fillId="0" borderId="26" xfId="0" applyFont="1" applyBorder="1" applyAlignment="1">
      <alignment horizontal="left" vertical="center" wrapText="1"/>
    </xf>
    <xf numFmtId="0" fontId="2" fillId="0" borderId="27" xfId="0" applyFont="1" applyBorder="1" applyAlignment="1">
      <alignment horizontal="center" vertical="center" wrapText="1"/>
    </xf>
    <xf numFmtId="0" fontId="7" fillId="0" borderId="32" xfId="0" applyFont="1" applyBorder="1" applyAlignment="1">
      <alignment horizontal="center" vertical="center" wrapText="1"/>
    </xf>
    <xf numFmtId="0" fontId="7" fillId="0" borderId="35" xfId="0" applyFont="1" applyBorder="1" applyAlignment="1">
      <alignment horizontal="center" vertical="center" wrapText="1"/>
    </xf>
    <xf numFmtId="49" fontId="2" fillId="0" borderId="29" xfId="0" applyNumberFormat="1" applyFont="1" applyBorder="1" applyAlignment="1">
      <alignment horizontal="center" vertical="center" wrapText="1"/>
    </xf>
    <xf numFmtId="49" fontId="2" fillId="0" borderId="8" xfId="0" applyNumberFormat="1" applyFont="1" applyBorder="1" applyAlignment="1">
      <alignment horizontal="center" vertical="center" wrapText="1"/>
    </xf>
    <xf numFmtId="49" fontId="5" fillId="0" borderId="0" xfId="1" applyNumberFormat="1" applyFont="1" applyAlignment="1">
      <alignment horizontal="left" vertical="center" wrapText="1"/>
    </xf>
    <xf numFmtId="0" fontId="7" fillId="0" borderId="28" xfId="0" applyFont="1" applyBorder="1" applyAlignment="1">
      <alignment horizontal="center" vertical="center" wrapText="1"/>
    </xf>
    <xf numFmtId="0" fontId="2" fillId="0" borderId="30" xfId="0" applyFont="1" applyBorder="1" applyAlignment="1">
      <alignment horizontal="center" vertical="center" wrapText="1"/>
    </xf>
    <xf numFmtId="0" fontId="2" fillId="0" borderId="31" xfId="0" applyFont="1" applyBorder="1" applyAlignment="1">
      <alignment horizontal="center" vertical="center" wrapText="1"/>
    </xf>
    <xf numFmtId="0" fontId="7" fillId="0" borderId="13" xfId="0" applyFont="1" applyBorder="1" applyAlignment="1">
      <alignment horizontal="center" vertical="center" wrapText="1"/>
    </xf>
    <xf numFmtId="0" fontId="7" fillId="0" borderId="0" xfId="5" applyFont="1" applyAlignment="1">
      <alignment horizontal="right" vertical="center" wrapText="1"/>
    </xf>
    <xf numFmtId="49" fontId="2" fillId="0" borderId="0" xfId="0" applyNumberFormat="1" applyFont="1" applyAlignment="1">
      <alignment vertical="center" wrapText="1"/>
    </xf>
    <xf numFmtId="49" fontId="7" fillId="0" borderId="0" xfId="5" applyNumberFormat="1" applyFont="1" applyAlignment="1">
      <alignment wrapText="1"/>
    </xf>
    <xf numFmtId="0" fontId="7" fillId="0" borderId="0" xfId="5" applyFont="1" applyAlignment="1">
      <alignment wrapText="1"/>
    </xf>
    <xf numFmtId="49" fontId="2" fillId="0" borderId="0" xfId="0" applyNumberFormat="1" applyFont="1" applyAlignment="1">
      <alignment vertical="top" wrapText="1"/>
    </xf>
    <xf numFmtId="0" fontId="7" fillId="0" borderId="0" xfId="0" applyFont="1" applyAlignment="1">
      <alignment horizontal="right" wrapText="1"/>
    </xf>
    <xf numFmtId="0" fontId="11" fillId="0" borderId="0" xfId="0" applyFont="1" applyAlignment="1">
      <alignment horizontal="left" wrapText="1"/>
    </xf>
    <xf numFmtId="0" fontId="7" fillId="0" borderId="0" xfId="0" applyFont="1" applyAlignment="1">
      <alignment horizontal="right"/>
    </xf>
    <xf numFmtId="0" fontId="7" fillId="0" borderId="0" xfId="0" applyFont="1" applyAlignment="1">
      <alignment horizontal="right" vertical="top" wrapText="1"/>
    </xf>
    <xf numFmtId="14" fontId="11" fillId="0" borderId="0" xfId="0" applyNumberFormat="1" applyFont="1" applyAlignment="1">
      <alignment horizontal="left" vertical="top" wrapText="1"/>
    </xf>
    <xf numFmtId="0" fontId="7" fillId="0" borderId="0" xfId="0" applyFont="1" applyAlignment="1">
      <alignment wrapText="1"/>
    </xf>
    <xf numFmtId="0" fontId="12" fillId="0" borderId="17"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21" xfId="0" applyFont="1" applyBorder="1" applyAlignment="1">
      <alignment horizontal="left" vertical="center" wrapText="1"/>
    </xf>
    <xf numFmtId="0" fontId="2" fillId="0" borderId="6" xfId="0" applyFont="1" applyBorder="1" applyAlignment="1">
      <alignment horizontal="left" vertical="top" wrapText="1"/>
    </xf>
    <xf numFmtId="0" fontId="2" fillId="0" borderId="5" xfId="0" applyFont="1" applyBorder="1" applyAlignment="1">
      <alignment horizontal="left" vertical="center" wrapText="1"/>
    </xf>
    <xf numFmtId="0" fontId="4" fillId="6" borderId="43" xfId="0" applyFont="1" applyFill="1" applyBorder="1" applyAlignment="1">
      <alignment vertical="center" wrapText="1"/>
    </xf>
    <xf numFmtId="0" fontId="4" fillId="6" borderId="5" xfId="0" applyFont="1" applyFill="1" applyBorder="1" applyAlignment="1">
      <alignment vertical="center" wrapText="1"/>
    </xf>
    <xf numFmtId="0" fontId="7" fillId="0" borderId="45" xfId="0" applyFont="1" applyBorder="1" applyAlignment="1">
      <alignment horizontal="center" vertical="center" wrapText="1"/>
    </xf>
    <xf numFmtId="0" fontId="7" fillId="0" borderId="46" xfId="0" applyFont="1" applyBorder="1" applyAlignment="1">
      <alignment horizontal="center" vertical="center" wrapText="1"/>
    </xf>
    <xf numFmtId="49" fontId="2" fillId="0" borderId="48" xfId="0" applyNumberFormat="1" applyFont="1" applyBorder="1" applyAlignment="1">
      <alignment horizontal="center" vertical="center" wrapText="1"/>
    </xf>
    <xf numFmtId="49" fontId="2" fillId="0" borderId="49" xfId="0" applyNumberFormat="1" applyFont="1" applyBorder="1" applyAlignment="1">
      <alignment horizontal="center" vertical="center" wrapText="1"/>
    </xf>
    <xf numFmtId="49" fontId="2" fillId="0" borderId="50" xfId="0" applyNumberFormat="1" applyFont="1" applyBorder="1" applyAlignment="1">
      <alignment horizontal="right" vertical="center" wrapText="1"/>
    </xf>
    <xf numFmtId="0" fontId="2" fillId="0" borderId="41" xfId="0" applyFont="1" applyBorder="1" applyAlignment="1">
      <alignment horizontal="left" vertical="center" wrapText="1"/>
    </xf>
    <xf numFmtId="0" fontId="2" fillId="0" borderId="9" xfId="0" applyFont="1" applyBorder="1" applyAlignment="1">
      <alignment horizontal="center" vertical="center" wrapText="1"/>
    </xf>
    <xf numFmtId="0" fontId="2" fillId="0" borderId="54" xfId="0" applyFont="1" applyBorder="1" applyAlignment="1">
      <alignment vertical="center" wrapText="1"/>
    </xf>
    <xf numFmtId="0" fontId="3" fillId="0" borderId="55" xfId="0" applyFont="1" applyBorder="1" applyAlignment="1">
      <alignment horizontal="left" vertical="center" wrapText="1"/>
    </xf>
    <xf numFmtId="0" fontId="2" fillId="0" borderId="56" xfId="0" applyFont="1" applyBorder="1" applyAlignment="1">
      <alignment horizontal="left" vertical="center" wrapText="1"/>
    </xf>
    <xf numFmtId="0" fontId="2" fillId="0" borderId="18" xfId="0" applyFont="1" applyBorder="1" applyAlignment="1">
      <alignment horizontal="left" vertical="center" wrapText="1"/>
    </xf>
    <xf numFmtId="0" fontId="2" fillId="0" borderId="25" xfId="0" applyFont="1" applyBorder="1" applyAlignment="1">
      <alignment horizontal="left" vertical="center" wrapText="1"/>
    </xf>
    <xf numFmtId="0" fontId="4" fillId="6" borderId="19" xfId="0" applyFont="1" applyFill="1" applyBorder="1" applyAlignment="1">
      <alignment vertical="center" wrapText="1"/>
    </xf>
    <xf numFmtId="0" fontId="4" fillId="6" borderId="42" xfId="0" applyFont="1" applyFill="1" applyBorder="1" applyAlignment="1">
      <alignment vertical="center" wrapText="1"/>
    </xf>
    <xf numFmtId="0" fontId="4" fillId="6" borderId="44" xfId="0" applyFont="1" applyFill="1" applyBorder="1" applyAlignment="1">
      <alignment vertical="center" wrapText="1"/>
    </xf>
    <xf numFmtId="49" fontId="2" fillId="0" borderId="48" xfId="0" applyNumberFormat="1" applyFont="1" applyBorder="1" applyAlignment="1">
      <alignment horizontal="right" vertical="center" wrapText="1"/>
    </xf>
    <xf numFmtId="0" fontId="4" fillId="0" borderId="5" xfId="0" applyFont="1" applyBorder="1" applyAlignment="1">
      <alignment horizontal="left" vertical="center" wrapText="1"/>
    </xf>
    <xf numFmtId="0" fontId="7" fillId="0" borderId="57" xfId="0" applyFont="1" applyBorder="1" applyAlignment="1">
      <alignment horizontal="center" vertical="center" wrapText="1"/>
    </xf>
    <xf numFmtId="0" fontId="2" fillId="0" borderId="58" xfId="0" applyFont="1" applyBorder="1" applyAlignment="1">
      <alignment horizontal="left" vertical="center" wrapText="1"/>
    </xf>
    <xf numFmtId="0" fontId="2" fillId="0" borderId="31" xfId="0" applyFont="1" applyBorder="1" applyAlignment="1">
      <alignment horizontal="left" vertical="center" wrapText="1"/>
    </xf>
    <xf numFmtId="0" fontId="4" fillId="0" borderId="19" xfId="0" applyFont="1" applyBorder="1" applyAlignment="1">
      <alignment horizontal="left" vertical="center" wrapText="1"/>
    </xf>
    <xf numFmtId="0" fontId="4" fillId="0" borderId="39" xfId="0" applyFont="1" applyBorder="1" applyAlignment="1">
      <alignment horizontal="left" vertical="center" wrapText="1"/>
    </xf>
    <xf numFmtId="49" fontId="2" fillId="0" borderId="59" xfId="0" applyNumberFormat="1" applyFont="1" applyBorder="1" applyAlignment="1">
      <alignment horizontal="center" vertical="center" wrapText="1"/>
    </xf>
    <xf numFmtId="0" fontId="4" fillId="6" borderId="5" xfId="0" applyFont="1" applyFill="1" applyBorder="1" applyAlignment="1">
      <alignment vertical="top" wrapText="1"/>
    </xf>
    <xf numFmtId="49" fontId="2" fillId="0" borderId="60" xfId="0" applyNumberFormat="1" applyFont="1" applyBorder="1" applyAlignment="1">
      <alignment horizontal="center" vertical="center" wrapText="1"/>
    </xf>
    <xf numFmtId="0" fontId="4" fillId="6" borderId="61" xfId="0" applyFont="1" applyFill="1" applyBorder="1" applyAlignment="1">
      <alignment vertical="center" wrapText="1"/>
    </xf>
    <xf numFmtId="49" fontId="2" fillId="0" borderId="62" xfId="0" applyNumberFormat="1" applyFont="1" applyBorder="1" applyAlignment="1">
      <alignment horizontal="center" vertical="center" wrapText="1"/>
    </xf>
    <xf numFmtId="0" fontId="4" fillId="0" borderId="63" xfId="0" applyFont="1" applyBorder="1" applyAlignment="1">
      <alignment horizontal="left" vertical="center" wrapText="1"/>
    </xf>
    <xf numFmtId="0" fontId="2" fillId="6" borderId="6" xfId="0" applyFont="1" applyFill="1" applyBorder="1" applyAlignment="1">
      <alignment horizontal="left" vertical="top" wrapText="1"/>
    </xf>
    <xf numFmtId="0" fontId="2" fillId="6" borderId="9" xfId="0" applyFont="1" applyFill="1" applyBorder="1" applyAlignment="1">
      <alignment horizontal="center" vertical="center" wrapText="1"/>
    </xf>
    <xf numFmtId="0" fontId="2" fillId="6" borderId="5" xfId="0" applyFont="1" applyFill="1" applyBorder="1" applyAlignment="1">
      <alignment horizontal="left" vertical="center" wrapText="1"/>
    </xf>
    <xf numFmtId="0" fontId="2" fillId="0" borderId="64" xfId="0" applyFont="1" applyBorder="1" applyAlignment="1">
      <alignment vertical="center" wrapText="1"/>
    </xf>
    <xf numFmtId="0" fontId="7" fillId="0" borderId="65" xfId="0" applyFont="1" applyBorder="1" applyAlignment="1">
      <alignment horizontal="center" vertical="center" wrapText="1"/>
    </xf>
    <xf numFmtId="49" fontId="5" fillId="6" borderId="60" xfId="0" applyNumberFormat="1" applyFont="1" applyFill="1" applyBorder="1" applyAlignment="1">
      <alignment horizontal="left" vertical="center" wrapText="1"/>
    </xf>
    <xf numFmtId="49" fontId="5" fillId="6" borderId="48" xfId="0" applyNumberFormat="1" applyFont="1" applyFill="1" applyBorder="1" applyAlignment="1">
      <alignment horizontal="left" vertical="center" wrapText="1"/>
    </xf>
    <xf numFmtId="49" fontId="5" fillId="6" borderId="48" xfId="0" applyNumberFormat="1" applyFont="1" applyFill="1" applyBorder="1" applyAlignment="1">
      <alignment horizontal="center" vertical="center" wrapText="1"/>
    </xf>
    <xf numFmtId="49" fontId="5" fillId="6" borderId="48" xfId="0" applyNumberFormat="1" applyFont="1" applyFill="1" applyBorder="1" applyAlignment="1">
      <alignment horizontal="right" vertical="center" wrapText="1"/>
    </xf>
    <xf numFmtId="49" fontId="5" fillId="6" borderId="62" xfId="0" applyNumberFormat="1" applyFont="1" applyFill="1" applyBorder="1" applyAlignment="1">
      <alignment horizontal="center" vertical="center" wrapText="1"/>
    </xf>
    <xf numFmtId="0" fontId="2" fillId="0" borderId="5" xfId="0" applyFont="1" applyBorder="1" applyAlignment="1">
      <alignment horizontal="left" vertical="center"/>
    </xf>
    <xf numFmtId="0" fontId="7" fillId="0" borderId="67" xfId="0" applyFont="1" applyBorder="1" applyAlignment="1">
      <alignment horizontal="center" vertical="center" wrapText="1"/>
    </xf>
    <xf numFmtId="49" fontId="3" fillId="2" borderId="1" xfId="0" applyNumberFormat="1" applyFont="1" applyFill="1" applyBorder="1" applyAlignment="1">
      <alignment horizontal="left" vertical="top" wrapText="1"/>
    </xf>
    <xf numFmtId="49" fontId="3" fillId="2" borderId="11" xfId="0" applyNumberFormat="1" applyFont="1" applyFill="1" applyBorder="1" applyAlignment="1">
      <alignment horizontal="left" vertical="top" wrapText="1"/>
    </xf>
    <xf numFmtId="49" fontId="3" fillId="2" borderId="10"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2" xfId="0" applyFont="1" applyFill="1" applyBorder="1" applyAlignment="1">
      <alignment horizontal="center" vertical="top" wrapText="1"/>
    </xf>
    <xf numFmtId="0" fontId="3" fillId="2" borderId="11"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4" xfId="0" applyNumberFormat="1" applyFont="1" applyFill="1" applyBorder="1" applyAlignment="1">
      <alignment horizontal="center" vertical="center" wrapText="1"/>
    </xf>
    <xf numFmtId="49" fontId="2" fillId="2" borderId="15" xfId="0" applyNumberFormat="1" applyFont="1" applyFill="1" applyBorder="1" applyAlignment="1">
      <alignment horizontal="center"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2" fillId="0" borderId="18" xfId="0" applyFont="1" applyBorder="1" applyAlignment="1">
      <alignment horizontal="left" vertical="center" wrapText="1"/>
    </xf>
    <xf numFmtId="0" fontId="2" fillId="0" borderId="25" xfId="0" applyFont="1" applyBorder="1" applyAlignment="1">
      <alignment horizontal="left" vertical="center" wrapText="1"/>
    </xf>
    <xf numFmtId="0" fontId="10" fillId="0" borderId="0" xfId="0" applyFont="1" applyAlignment="1">
      <alignment horizontal="center" vertical="center" wrapText="1"/>
    </xf>
    <xf numFmtId="49" fontId="2" fillId="2" borderId="16"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16" xfId="0" applyFont="1" applyBorder="1" applyAlignment="1">
      <alignment horizontal="left" vertical="center" wrapText="1"/>
    </xf>
    <xf numFmtId="0" fontId="2" fillId="0" borderId="4" xfId="0" applyFont="1" applyBorder="1" applyAlignment="1">
      <alignment horizontal="left" vertical="center" wrapText="1"/>
    </xf>
    <xf numFmtId="0" fontId="2" fillId="0" borderId="47" xfId="0" applyFont="1" applyBorder="1" applyAlignment="1">
      <alignment horizontal="left" vertical="center" wrapText="1"/>
    </xf>
    <xf numFmtId="0" fontId="2" fillId="0" borderId="15" xfId="0" applyFont="1" applyBorder="1" applyAlignment="1">
      <alignment horizontal="left" vertical="center" wrapText="1"/>
    </xf>
    <xf numFmtId="0" fontId="2" fillId="0" borderId="19" xfId="0" applyFont="1" applyBorder="1" applyAlignment="1">
      <alignment horizontal="left" vertical="center" wrapText="1"/>
    </xf>
    <xf numFmtId="0" fontId="2" fillId="0" borderId="24" xfId="0" applyFont="1" applyBorder="1" applyAlignment="1">
      <alignment horizontal="left" vertical="center" wrapText="1"/>
    </xf>
    <xf numFmtId="0" fontId="2" fillId="0" borderId="23" xfId="0" applyFont="1" applyBorder="1" applyAlignment="1">
      <alignment horizontal="left" vertical="center" wrapText="1"/>
    </xf>
    <xf numFmtId="0" fontId="2" fillId="0" borderId="40" xfId="0" applyFont="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xf>
    <xf numFmtId="0" fontId="4" fillId="0" borderId="0" xfId="0" applyFont="1" applyAlignment="1">
      <alignment horizontal="left" vertical="center" wrapText="1"/>
    </xf>
    <xf numFmtId="0" fontId="3" fillId="0" borderId="0" xfId="0" applyFont="1" applyAlignment="1">
      <alignment horizontal="left" vertical="center" wrapText="1"/>
    </xf>
    <xf numFmtId="0" fontId="8" fillId="0" borderId="0" xfId="0" applyFont="1" applyAlignment="1">
      <alignment horizontal="left" vertical="center" wrapText="1"/>
    </xf>
    <xf numFmtId="0" fontId="4" fillId="0" borderId="0" xfId="0" applyFont="1" applyAlignment="1">
      <alignment horizontal="left" vertical="top" wrapText="1"/>
    </xf>
    <xf numFmtId="49" fontId="3" fillId="0" borderId="0" xfId="0" applyNumberFormat="1" applyFont="1" applyAlignment="1">
      <alignment horizontal="left" vertical="center" wrapText="1"/>
    </xf>
    <xf numFmtId="0" fontId="2" fillId="0" borderId="0" xfId="0" applyFont="1" applyAlignment="1">
      <alignment horizontal="left" wrapText="1"/>
    </xf>
    <xf numFmtId="0" fontId="3" fillId="4" borderId="0" xfId="0" applyFont="1" applyFill="1" applyAlignment="1">
      <alignment horizontal="center" vertical="center" wrapText="1"/>
    </xf>
    <xf numFmtId="0" fontId="2" fillId="0" borderId="0" xfId="0" applyFont="1" applyAlignment="1">
      <alignment horizontal="center" vertical="top" wrapText="1"/>
    </xf>
    <xf numFmtId="16" fontId="3" fillId="0" borderId="0" xfId="0" applyNumberFormat="1" applyFont="1" applyAlignment="1">
      <alignment horizontal="left" vertical="top" wrapText="1"/>
    </xf>
    <xf numFmtId="16" fontId="5" fillId="0" borderId="0" xfId="0" applyNumberFormat="1" applyFont="1" applyAlignment="1">
      <alignment horizontal="left" vertical="top" wrapText="1"/>
    </xf>
    <xf numFmtId="0" fontId="3" fillId="0" borderId="0" xfId="0" applyFont="1" applyAlignment="1">
      <alignment horizontal="center" vertical="center" wrapText="1"/>
    </xf>
    <xf numFmtId="49" fontId="2" fillId="0" borderId="38" xfId="0" applyNumberFormat="1" applyFont="1" applyBorder="1" applyAlignment="1">
      <alignment horizontal="left" vertical="center" wrapText="1"/>
    </xf>
    <xf numFmtId="49" fontId="2" fillId="0" borderId="37" xfId="0" applyNumberFormat="1" applyFont="1" applyBorder="1" applyAlignment="1">
      <alignment horizontal="left" vertical="center" wrapText="1"/>
    </xf>
    <xf numFmtId="0" fontId="2" fillId="0" borderId="12" xfId="0" applyFont="1" applyBorder="1" applyAlignment="1">
      <alignment horizontal="left" vertical="center" wrapText="1"/>
    </xf>
    <xf numFmtId="0" fontId="2" fillId="0" borderId="2" xfId="0" applyFont="1" applyBorder="1" applyAlignment="1">
      <alignment horizontal="left" vertical="center" wrapText="1"/>
    </xf>
    <xf numFmtId="0" fontId="3" fillId="0" borderId="26" xfId="0" applyFont="1" applyBorder="1" applyAlignment="1">
      <alignment horizontal="center" vertical="center" wrapText="1"/>
    </xf>
    <xf numFmtId="0" fontId="3" fillId="0" borderId="27" xfId="0" applyFont="1" applyBorder="1" applyAlignment="1">
      <alignment horizontal="center" vertical="center" wrapText="1"/>
    </xf>
    <xf numFmtId="49" fontId="14" fillId="5" borderId="51" xfId="0" applyNumberFormat="1" applyFont="1" applyFill="1" applyBorder="1" applyAlignment="1">
      <alignment horizontal="left" vertical="center" wrapText="1"/>
    </xf>
    <xf numFmtId="49" fontId="14" fillId="5" borderId="52" xfId="0" applyNumberFormat="1" applyFont="1" applyFill="1" applyBorder="1" applyAlignment="1">
      <alignment horizontal="left" vertical="center" wrapText="1"/>
    </xf>
    <xf numFmtId="49" fontId="14" fillId="5" borderId="53" xfId="0" applyNumberFormat="1" applyFont="1" applyFill="1" applyBorder="1" applyAlignment="1">
      <alignment horizontal="left" vertical="center" wrapText="1"/>
    </xf>
    <xf numFmtId="49" fontId="2" fillId="0" borderId="18" xfId="0" applyNumberFormat="1" applyFont="1" applyBorder="1" applyAlignment="1">
      <alignment horizontal="center" vertical="center" wrapText="1"/>
    </xf>
    <xf numFmtId="49" fontId="2" fillId="0" borderId="25" xfId="0" applyNumberFormat="1" applyFont="1" applyBorder="1" applyAlignment="1">
      <alignment horizontal="center" vertical="center" wrapText="1"/>
    </xf>
    <xf numFmtId="49" fontId="2" fillId="0" borderId="47" xfId="0" applyNumberFormat="1" applyFont="1" applyBorder="1" applyAlignment="1">
      <alignment horizontal="center" vertical="center" wrapText="1"/>
    </xf>
    <xf numFmtId="49" fontId="2" fillId="0" borderId="15" xfId="0" applyNumberFormat="1" applyFont="1" applyBorder="1" applyAlignment="1">
      <alignment horizontal="center" vertical="center" wrapText="1"/>
    </xf>
    <xf numFmtId="49" fontId="5" fillId="5" borderId="51" xfId="0" applyNumberFormat="1" applyFont="1" applyFill="1" applyBorder="1" applyAlignment="1">
      <alignment horizontal="left" vertical="center" wrapText="1"/>
    </xf>
    <xf numFmtId="49" fontId="5" fillId="5" borderId="52" xfId="0" applyNumberFormat="1" applyFont="1" applyFill="1" applyBorder="1" applyAlignment="1">
      <alignment horizontal="left" vertical="center" wrapText="1"/>
    </xf>
    <xf numFmtId="49" fontId="5" fillId="5" borderId="53" xfId="0" applyNumberFormat="1" applyFont="1" applyFill="1" applyBorder="1" applyAlignment="1">
      <alignment horizontal="left" vertical="center" wrapText="1"/>
    </xf>
    <xf numFmtId="49" fontId="14" fillId="5" borderId="1" xfId="0" applyNumberFormat="1" applyFont="1" applyFill="1" applyBorder="1" applyAlignment="1">
      <alignment horizontal="left" vertical="center" wrapText="1"/>
    </xf>
    <xf numFmtId="49" fontId="14" fillId="5" borderId="11" xfId="0" applyNumberFormat="1" applyFont="1" applyFill="1" applyBorder="1" applyAlignment="1">
      <alignment horizontal="left" vertical="center" wrapText="1"/>
    </xf>
    <xf numFmtId="49" fontId="14" fillId="5" borderId="2" xfId="0" applyNumberFormat="1" applyFont="1" applyFill="1" applyBorder="1" applyAlignment="1">
      <alignment horizontal="left" vertical="center" wrapText="1"/>
    </xf>
    <xf numFmtId="0" fontId="7" fillId="0" borderId="0" xfId="0" applyFont="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49" fontId="4" fillId="0" borderId="0" xfId="1" applyNumberFormat="1" applyAlignment="1">
      <alignment horizontal="left" vertical="top" wrapText="1"/>
    </xf>
    <xf numFmtId="0" fontId="6" fillId="0" borderId="0" xfId="4" applyFont="1" applyAlignment="1">
      <alignment horizontal="left" vertical="center" wrapText="1"/>
    </xf>
    <xf numFmtId="0" fontId="11" fillId="0" borderId="0" xfId="0" applyFont="1" applyAlignment="1">
      <alignment horizontal="left" vertical="center" wrapText="1"/>
    </xf>
    <xf numFmtId="0" fontId="12" fillId="0" borderId="7" xfId="0" applyFont="1" applyBorder="1" applyAlignment="1">
      <alignment horizontal="center"/>
    </xf>
    <xf numFmtId="49" fontId="2" fillId="0" borderId="41" xfId="0" applyNumberFormat="1" applyFont="1" applyBorder="1" applyAlignment="1">
      <alignment horizontal="center" vertical="center" wrapText="1"/>
    </xf>
    <xf numFmtId="49" fontId="2" fillId="0" borderId="66" xfId="0" applyNumberFormat="1" applyFont="1" applyBorder="1" applyAlignment="1">
      <alignment horizontal="center" vertical="center" wrapText="1"/>
    </xf>
  </cellXfs>
  <cellStyles count="6">
    <cellStyle name="Normálna" xfId="0" builtinId="0"/>
    <cellStyle name="Normálna 2" xfId="2" xr:uid="{00000000-0005-0000-0000-000000000000}"/>
    <cellStyle name="Normálne 2" xfId="3" xr:uid="{00000000-0005-0000-0000-000002000000}"/>
    <cellStyle name="normálne 2 2" xfId="1" xr:uid="{00000000-0005-0000-0000-000003000000}"/>
    <cellStyle name="normálne 2 2 2" xfId="4" xr:uid="{00000000-0005-0000-0000-000004000000}"/>
    <cellStyle name="Normálne 4" xfId="5" xr:uid="{00000000-0005-0000-0000-000005000000}"/>
  </cellStyles>
  <dxfs count="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3</xdr:row>
          <xdr:rowOff>38100</xdr:rowOff>
        </xdr:from>
        <xdr:to>
          <xdr:col>0</xdr:col>
          <xdr:colOff>533400</xdr:colOff>
          <xdr:row>34</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4</xdr:row>
          <xdr:rowOff>0</xdr:rowOff>
        </xdr:from>
        <xdr:to>
          <xdr:col>0</xdr:col>
          <xdr:colOff>523875</xdr:colOff>
          <xdr:row>34</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92D050"/>
    <pageSetUpPr fitToPage="1"/>
  </sheetPr>
  <dimension ref="A1:I175"/>
  <sheetViews>
    <sheetView showGridLines="0" tabSelected="1" topLeftCell="A142" zoomScaleNormal="100" workbookViewId="0">
      <selection activeCell="A126" sqref="A126:A127"/>
    </sheetView>
  </sheetViews>
  <sheetFormatPr defaultColWidth="9.140625" defaultRowHeight="12.75" x14ac:dyDescent="0.2"/>
  <cols>
    <col min="1" max="1" width="12.5703125" style="1" customWidth="1"/>
    <col min="2" max="2" width="76.28515625" style="1" customWidth="1"/>
    <col min="3" max="3" width="16.42578125" style="6" customWidth="1"/>
    <col min="4" max="4" width="13.7109375" style="6" customWidth="1"/>
    <col min="5" max="5" width="46.7109375" style="2" customWidth="1"/>
    <col min="6" max="6" width="17.140625" style="1" customWidth="1"/>
    <col min="7" max="7" width="13.140625" style="1" customWidth="1"/>
    <col min="8" max="8" width="9.140625" style="1" customWidth="1"/>
    <col min="9" max="16384" width="9.140625" style="1"/>
  </cols>
  <sheetData>
    <row r="1" spans="1:5" ht="24" customHeight="1" x14ac:dyDescent="0.2">
      <c r="A1" s="130" t="s">
        <v>43</v>
      </c>
      <c r="B1" s="130"/>
      <c r="C1" s="130"/>
      <c r="D1" s="130"/>
      <c r="E1" s="130"/>
    </row>
    <row r="2" spans="1:5" ht="27.75" customHeight="1" x14ac:dyDescent="0.2">
      <c r="A2" s="129" t="s">
        <v>41</v>
      </c>
      <c r="B2" s="129"/>
      <c r="C2" s="129"/>
      <c r="D2" s="129"/>
      <c r="E2" s="129"/>
    </row>
    <row r="3" spans="1:5" ht="56.1" customHeight="1" x14ac:dyDescent="0.2">
      <c r="A3" s="138" t="s">
        <v>47</v>
      </c>
      <c r="B3" s="138"/>
      <c r="C3" s="138"/>
      <c r="D3" s="138"/>
      <c r="E3" s="138"/>
    </row>
    <row r="4" spans="1:5" ht="24.95" customHeight="1" x14ac:dyDescent="0.2">
      <c r="A4" s="22" t="s">
        <v>46</v>
      </c>
      <c r="B4" s="23"/>
      <c r="C4" s="5"/>
      <c r="D4" s="5"/>
      <c r="E4" s="5"/>
    </row>
    <row r="5" spans="1:5" ht="24.95" customHeight="1" x14ac:dyDescent="0.2">
      <c r="A5" s="22" t="s">
        <v>44</v>
      </c>
      <c r="B5" s="24"/>
      <c r="C5" s="5"/>
      <c r="D5" s="5"/>
      <c r="E5" s="5"/>
    </row>
    <row r="6" spans="1:5" ht="5.0999999999999996" customHeight="1" x14ac:dyDescent="0.2">
      <c r="A6" s="5"/>
      <c r="B6" s="5"/>
      <c r="C6" s="5"/>
      <c r="D6" s="5"/>
      <c r="E6" s="5"/>
    </row>
    <row r="7" spans="1:5" s="2" customFormat="1" ht="20.100000000000001" customHeight="1" x14ac:dyDescent="0.25">
      <c r="A7" s="137" t="s">
        <v>4</v>
      </c>
      <c r="B7" s="137"/>
      <c r="C7" s="137"/>
      <c r="D7" s="137"/>
      <c r="E7" s="137"/>
    </row>
    <row r="8" spans="1:5" s="2" customFormat="1" ht="20.100000000000001" customHeight="1" x14ac:dyDescent="0.25">
      <c r="A8" s="139" t="s">
        <v>8</v>
      </c>
      <c r="B8" s="139"/>
      <c r="C8" s="139"/>
      <c r="D8" s="139"/>
      <c r="E8" s="139"/>
    </row>
    <row r="9" spans="1:5" ht="24.95" customHeight="1" x14ac:dyDescent="0.2">
      <c r="A9" s="134" t="s">
        <v>84</v>
      </c>
      <c r="B9" s="134"/>
      <c r="C9" s="134"/>
      <c r="D9" s="134"/>
      <c r="E9" s="134"/>
    </row>
    <row r="10" spans="1:5" ht="4.5" customHeight="1" x14ac:dyDescent="0.2">
      <c r="A10" s="21"/>
      <c r="B10" s="21"/>
      <c r="C10" s="21"/>
      <c r="D10" s="21"/>
      <c r="E10" s="21"/>
    </row>
    <row r="11" spans="1:5" s="2" customFormat="1" ht="20.100000000000001" customHeight="1" x14ac:dyDescent="0.25">
      <c r="A11" s="140" t="s">
        <v>9</v>
      </c>
      <c r="B11" s="140"/>
      <c r="C11" s="140"/>
      <c r="D11" s="140"/>
      <c r="E11" s="140"/>
    </row>
    <row r="12" spans="1:5" s="2" customFormat="1" ht="24.95" customHeight="1" x14ac:dyDescent="0.2">
      <c r="A12" s="131" t="s">
        <v>85</v>
      </c>
      <c r="B12" s="131"/>
      <c r="C12" s="131"/>
      <c r="D12" s="9"/>
      <c r="E12" s="9"/>
    </row>
    <row r="13" spans="1:5" s="3" customFormat="1" ht="20.100000000000001" customHeight="1" x14ac:dyDescent="0.25">
      <c r="A13" s="134" t="s">
        <v>57</v>
      </c>
      <c r="B13" s="134"/>
      <c r="C13" s="134"/>
      <c r="D13" s="12"/>
      <c r="E13" s="13"/>
    </row>
    <row r="14" spans="1:5" ht="4.5" customHeight="1" x14ac:dyDescent="0.2">
      <c r="A14" s="21"/>
      <c r="B14" s="21"/>
      <c r="C14" s="21"/>
      <c r="D14" s="21"/>
      <c r="E14" s="21"/>
    </row>
    <row r="15" spans="1:5" x14ac:dyDescent="0.2">
      <c r="A15" s="20" t="s">
        <v>10</v>
      </c>
      <c r="B15" s="14"/>
      <c r="C15" s="14"/>
      <c r="D15" s="15"/>
      <c r="E15" s="15"/>
    </row>
    <row r="16" spans="1:5" s="3" customFormat="1" ht="16.5" customHeight="1" x14ac:dyDescent="0.25">
      <c r="A16" s="134" t="s">
        <v>80</v>
      </c>
      <c r="B16" s="134"/>
      <c r="C16" s="134"/>
      <c r="D16" s="12"/>
      <c r="E16" s="13"/>
    </row>
    <row r="17" spans="1:9" ht="5.0999999999999996" customHeight="1" x14ac:dyDescent="0.2">
      <c r="A17" s="136"/>
      <c r="B17" s="136"/>
      <c r="C17" s="136"/>
      <c r="E17" s="7"/>
    </row>
    <row r="18" spans="1:9" s="2" customFormat="1" ht="20.100000000000001" customHeight="1" x14ac:dyDescent="0.25">
      <c r="A18" s="137" t="s">
        <v>21</v>
      </c>
      <c r="B18" s="137"/>
      <c r="C18" s="137"/>
      <c r="D18" s="137"/>
      <c r="E18" s="137"/>
    </row>
    <row r="19" spans="1:9" ht="24.95" customHeight="1" x14ac:dyDescent="0.2">
      <c r="A19" s="131" t="s">
        <v>86</v>
      </c>
      <c r="B19" s="131"/>
      <c r="C19" s="131"/>
      <c r="D19" s="131"/>
      <c r="E19" s="131"/>
      <c r="I19" s="2"/>
    </row>
    <row r="20" spans="1:9" ht="2.25" customHeight="1" x14ac:dyDescent="0.2">
      <c r="A20" s="136"/>
      <c r="B20" s="136"/>
      <c r="C20" s="136"/>
      <c r="E20" s="7"/>
    </row>
    <row r="21" spans="1:9" s="2" customFormat="1" ht="20.100000000000001" customHeight="1" x14ac:dyDescent="0.25">
      <c r="A21" s="137" t="s">
        <v>22</v>
      </c>
      <c r="B21" s="137"/>
      <c r="C21" s="137"/>
      <c r="D21" s="137"/>
      <c r="E21" s="137"/>
    </row>
    <row r="22" spans="1:9" s="2" customFormat="1" ht="20.100000000000001" customHeight="1" x14ac:dyDescent="0.25">
      <c r="A22" s="135" t="s">
        <v>5</v>
      </c>
      <c r="B22" s="135"/>
      <c r="C22" s="135"/>
      <c r="D22" s="135"/>
      <c r="E22" s="135"/>
    </row>
    <row r="23" spans="1:9" s="2" customFormat="1" ht="20.100000000000001" customHeight="1" x14ac:dyDescent="0.25">
      <c r="A23" s="132" t="s">
        <v>16</v>
      </c>
      <c r="B23" s="133"/>
      <c r="C23" s="8"/>
      <c r="D23" s="8"/>
      <c r="E23" s="8"/>
    </row>
    <row r="24" spans="1:9" s="2" customFormat="1" ht="20.100000000000001" customHeight="1" x14ac:dyDescent="0.25">
      <c r="A24" s="7"/>
      <c r="B24" s="7" t="s">
        <v>19</v>
      </c>
      <c r="C24" s="8"/>
      <c r="D24" s="8"/>
      <c r="E24" s="8"/>
    </row>
    <row r="25" spans="1:9" s="2" customFormat="1" ht="20.100000000000001" customHeight="1" x14ac:dyDescent="0.25">
      <c r="A25" s="7"/>
      <c r="B25" s="7" t="s">
        <v>20</v>
      </c>
      <c r="C25" s="8"/>
      <c r="D25" s="8"/>
      <c r="E25" s="8"/>
    </row>
    <row r="26" spans="1:9" s="2" customFormat="1" ht="20.100000000000001" customHeight="1" x14ac:dyDescent="0.25">
      <c r="A26" s="132" t="s">
        <v>17</v>
      </c>
      <c r="B26" s="133"/>
      <c r="C26" s="8"/>
      <c r="D26" s="8"/>
      <c r="E26" s="8"/>
    </row>
    <row r="27" spans="1:9" s="2" customFormat="1" ht="31.5" customHeight="1" x14ac:dyDescent="0.25">
      <c r="A27" s="10" t="s">
        <v>55</v>
      </c>
      <c r="B27" s="114" t="s">
        <v>12</v>
      </c>
      <c r="C27" s="115"/>
      <c r="D27" s="11" t="s">
        <v>11</v>
      </c>
      <c r="E27" s="11" t="s">
        <v>56</v>
      </c>
    </row>
    <row r="28" spans="1:9" s="2" customFormat="1" ht="23.25" customHeight="1" x14ac:dyDescent="0.25">
      <c r="A28" s="94" t="s">
        <v>14</v>
      </c>
      <c r="B28" s="95" t="s">
        <v>87</v>
      </c>
      <c r="C28" s="93"/>
      <c r="D28" s="94" t="s">
        <v>1</v>
      </c>
      <c r="E28" s="94">
        <v>2100</v>
      </c>
    </row>
    <row r="29" spans="1:9" s="2" customFormat="1" ht="25.5" customHeight="1" x14ac:dyDescent="0.25">
      <c r="A29" s="94" t="s">
        <v>64</v>
      </c>
      <c r="B29" s="95" t="s">
        <v>88</v>
      </c>
      <c r="C29" s="93"/>
      <c r="D29" s="94" t="s">
        <v>1</v>
      </c>
      <c r="E29" s="94">
        <v>1500</v>
      </c>
    </row>
    <row r="30" spans="1:9" s="2" customFormat="1" ht="23.25" customHeight="1" x14ac:dyDescent="0.25">
      <c r="A30" s="94" t="s">
        <v>59</v>
      </c>
      <c r="B30" s="95" t="s">
        <v>89</v>
      </c>
      <c r="C30" s="93"/>
      <c r="D30" s="94" t="s">
        <v>1</v>
      </c>
      <c r="E30" s="94">
        <v>400</v>
      </c>
    </row>
    <row r="31" spans="1:9" s="2" customFormat="1" ht="23.25" customHeight="1" x14ac:dyDescent="0.25">
      <c r="A31" s="94" t="s">
        <v>65</v>
      </c>
      <c r="B31" s="62" t="s">
        <v>90</v>
      </c>
      <c r="C31" s="61"/>
      <c r="D31" s="94" t="s">
        <v>1</v>
      </c>
      <c r="E31" s="71">
        <v>230</v>
      </c>
    </row>
    <row r="32" spans="1:9" s="2" customFormat="1" ht="4.5" customHeight="1" x14ac:dyDescent="0.25">
      <c r="A32" s="8"/>
      <c r="B32" s="8"/>
      <c r="C32" s="8"/>
      <c r="D32" s="8"/>
      <c r="E32" s="8"/>
    </row>
    <row r="33" spans="1:6" s="2" customFormat="1" ht="20.100000000000001" customHeight="1" x14ac:dyDescent="0.25">
      <c r="A33" s="132" t="s">
        <v>18</v>
      </c>
      <c r="B33" s="133"/>
      <c r="C33" s="8"/>
      <c r="D33" s="8"/>
      <c r="E33" s="8"/>
    </row>
    <row r="34" spans="1:6" s="2" customFormat="1" ht="20.100000000000001" customHeight="1" x14ac:dyDescent="0.2">
      <c r="A34" s="1"/>
      <c r="B34" s="2" t="s">
        <v>2</v>
      </c>
      <c r="C34" s="8"/>
      <c r="D34" s="8"/>
      <c r="E34" s="8"/>
    </row>
    <row r="35" spans="1:6" s="2" customFormat="1" ht="20.100000000000001" customHeight="1" x14ac:dyDescent="0.25">
      <c r="A35" s="7"/>
      <c r="B35" s="2" t="s">
        <v>3</v>
      </c>
      <c r="C35" s="8"/>
      <c r="D35" s="8"/>
      <c r="E35" s="8"/>
    </row>
    <row r="36" spans="1:6" ht="5.0999999999999996" customHeight="1" x14ac:dyDescent="0.2"/>
    <row r="37" spans="1:6" s="2" customFormat="1" ht="20.100000000000001" customHeight="1" x14ac:dyDescent="0.25">
      <c r="A37" s="137" t="s">
        <v>23</v>
      </c>
      <c r="B37" s="137"/>
      <c r="C37" s="137"/>
      <c r="D37" s="137"/>
      <c r="E37" s="137"/>
    </row>
    <row r="38" spans="1:6" s="2" customFormat="1" ht="5.0999999999999996" customHeight="1" thickBot="1" x14ac:dyDescent="0.3">
      <c r="A38" s="7"/>
      <c r="C38" s="5"/>
      <c r="D38" s="5"/>
      <c r="E38" s="5"/>
    </row>
    <row r="39" spans="1:6" s="3" customFormat="1" ht="53.25" customHeight="1" x14ac:dyDescent="0.25">
      <c r="A39" s="105" t="s">
        <v>0</v>
      </c>
      <c r="B39" s="106"/>
      <c r="C39" s="109" t="s">
        <v>24</v>
      </c>
      <c r="D39" s="110"/>
      <c r="E39" s="111"/>
      <c r="F39" s="16"/>
    </row>
    <row r="40" spans="1:6" s="3" customFormat="1" ht="30" customHeight="1" thickBot="1" x14ac:dyDescent="0.3">
      <c r="A40" s="107"/>
      <c r="B40" s="108"/>
      <c r="C40" s="17" t="s">
        <v>25</v>
      </c>
      <c r="D40" s="112" t="s">
        <v>26</v>
      </c>
      <c r="E40" s="113"/>
    </row>
    <row r="41" spans="1:6" s="18" customFormat="1" ht="29.25" customHeight="1" thickBot="1" x14ac:dyDescent="0.3">
      <c r="A41" s="158" t="s">
        <v>121</v>
      </c>
      <c r="B41" s="159"/>
      <c r="C41" s="159"/>
      <c r="D41" s="159"/>
      <c r="E41" s="160"/>
    </row>
    <row r="42" spans="1:6" s="18" customFormat="1" ht="27" customHeight="1" thickBot="1" x14ac:dyDescent="0.3">
      <c r="A42" s="155" t="s">
        <v>122</v>
      </c>
      <c r="B42" s="156"/>
      <c r="C42" s="156"/>
      <c r="D42" s="156"/>
      <c r="E42" s="157"/>
    </row>
    <row r="43" spans="1:6" s="4" customFormat="1" ht="25.5" customHeight="1" x14ac:dyDescent="0.25">
      <c r="A43" s="98" t="s">
        <v>63</v>
      </c>
      <c r="B43" s="26" t="s">
        <v>104</v>
      </c>
      <c r="C43" s="28"/>
      <c r="D43" s="142"/>
      <c r="E43" s="143"/>
    </row>
    <row r="44" spans="1:6" s="4" customFormat="1" ht="23.25" customHeight="1" x14ac:dyDescent="0.25">
      <c r="A44" s="99" t="s">
        <v>64</v>
      </c>
      <c r="B44" s="96" t="s">
        <v>105</v>
      </c>
      <c r="C44" s="97" t="s">
        <v>106</v>
      </c>
      <c r="D44" s="151"/>
      <c r="E44" s="152"/>
    </row>
    <row r="45" spans="1:6" s="4" customFormat="1" ht="19.5" customHeight="1" x14ac:dyDescent="0.25">
      <c r="A45" s="99" t="s">
        <v>91</v>
      </c>
      <c r="B45" s="96" t="s">
        <v>107</v>
      </c>
      <c r="C45" s="97"/>
      <c r="D45" s="151"/>
      <c r="E45" s="152"/>
    </row>
    <row r="46" spans="1:6" s="4" customFormat="1" ht="27" customHeight="1" x14ac:dyDescent="0.25">
      <c r="A46" s="100" t="s">
        <v>92</v>
      </c>
      <c r="B46" s="96" t="s">
        <v>108</v>
      </c>
      <c r="C46" s="97"/>
      <c r="D46" s="151"/>
      <c r="E46" s="152"/>
    </row>
    <row r="47" spans="1:6" s="4" customFormat="1" ht="21" customHeight="1" x14ac:dyDescent="0.25">
      <c r="A47" s="100" t="s">
        <v>93</v>
      </c>
      <c r="B47" s="96" t="s">
        <v>109</v>
      </c>
      <c r="C47" s="97"/>
      <c r="D47" s="151"/>
      <c r="E47" s="152"/>
    </row>
    <row r="48" spans="1:6" s="4" customFormat="1" ht="24" customHeight="1" x14ac:dyDescent="0.25">
      <c r="A48" s="100" t="s">
        <v>94</v>
      </c>
      <c r="B48" s="96" t="s">
        <v>110</v>
      </c>
      <c r="C48" s="97"/>
      <c r="D48" s="151"/>
      <c r="E48" s="152"/>
    </row>
    <row r="49" spans="1:5" s="4" customFormat="1" ht="26.25" customHeight="1" x14ac:dyDescent="0.25">
      <c r="A49" s="101" t="s">
        <v>95</v>
      </c>
      <c r="B49" s="96" t="s">
        <v>111</v>
      </c>
      <c r="C49" s="97"/>
      <c r="D49" s="151"/>
      <c r="E49" s="152"/>
    </row>
    <row r="50" spans="1:5" s="4" customFormat="1" ht="21.75" customHeight="1" x14ac:dyDescent="0.25">
      <c r="A50" s="99" t="s">
        <v>96</v>
      </c>
      <c r="B50" s="96" t="s">
        <v>112</v>
      </c>
      <c r="C50" s="97" t="s">
        <v>106</v>
      </c>
      <c r="D50" s="151"/>
      <c r="E50" s="152"/>
    </row>
    <row r="51" spans="1:5" s="4" customFormat="1" ht="36" customHeight="1" x14ac:dyDescent="0.25">
      <c r="A51" s="100" t="s">
        <v>97</v>
      </c>
      <c r="B51" s="96" t="s">
        <v>113</v>
      </c>
      <c r="C51" s="97"/>
      <c r="D51" s="151"/>
      <c r="E51" s="152"/>
    </row>
    <row r="52" spans="1:5" s="4" customFormat="1" ht="21" customHeight="1" x14ac:dyDescent="0.25">
      <c r="A52" s="100" t="s">
        <v>98</v>
      </c>
      <c r="B52" s="96" t="s">
        <v>114</v>
      </c>
      <c r="C52" s="97"/>
      <c r="D52" s="151"/>
      <c r="E52" s="152"/>
    </row>
    <row r="53" spans="1:5" s="4" customFormat="1" ht="21" customHeight="1" x14ac:dyDescent="0.25">
      <c r="A53" s="100" t="s">
        <v>99</v>
      </c>
      <c r="B53" s="96" t="s">
        <v>115</v>
      </c>
      <c r="C53" s="97"/>
      <c r="D53" s="151"/>
      <c r="E53" s="152"/>
    </row>
    <row r="54" spans="1:5" s="4" customFormat="1" ht="21.75" customHeight="1" x14ac:dyDescent="0.25">
      <c r="A54" s="100" t="s">
        <v>100</v>
      </c>
      <c r="B54" s="96" t="s">
        <v>116</v>
      </c>
      <c r="C54" s="97"/>
      <c r="D54" s="151"/>
      <c r="E54" s="152"/>
    </row>
    <row r="55" spans="1:5" s="4" customFormat="1" ht="18.75" customHeight="1" x14ac:dyDescent="0.25">
      <c r="A55" s="100" t="s">
        <v>101</v>
      </c>
      <c r="B55" s="96" t="s">
        <v>117</v>
      </c>
      <c r="C55" s="97"/>
      <c r="D55" s="151"/>
      <c r="E55" s="152"/>
    </row>
    <row r="56" spans="1:5" s="4" customFormat="1" ht="20.25" customHeight="1" x14ac:dyDescent="0.25">
      <c r="A56" s="100" t="s">
        <v>102</v>
      </c>
      <c r="B56" s="96" t="s">
        <v>118</v>
      </c>
      <c r="C56" s="97"/>
      <c r="D56" s="151"/>
      <c r="E56" s="152"/>
    </row>
    <row r="57" spans="1:5" s="4" customFormat="1" ht="21" customHeight="1" thickBot="1" x14ac:dyDescent="0.3">
      <c r="A57" s="102" t="s">
        <v>103</v>
      </c>
      <c r="B57" s="96" t="s">
        <v>119</v>
      </c>
      <c r="C57" s="97"/>
      <c r="D57" s="151"/>
      <c r="E57" s="152"/>
    </row>
    <row r="58" spans="1:5" s="4" customFormat="1" ht="30" customHeight="1" thickBot="1" x14ac:dyDescent="0.3">
      <c r="A58" s="148" t="s">
        <v>120</v>
      </c>
      <c r="B58" s="149"/>
      <c r="C58" s="149"/>
      <c r="D58" s="149"/>
      <c r="E58" s="150"/>
    </row>
    <row r="59" spans="1:5" s="4" customFormat="1" ht="27" customHeight="1" x14ac:dyDescent="0.25">
      <c r="A59" s="98" t="s">
        <v>63</v>
      </c>
      <c r="B59" s="96" t="s">
        <v>104</v>
      </c>
      <c r="C59" s="97"/>
      <c r="D59" s="168"/>
      <c r="E59" s="169"/>
    </row>
    <row r="60" spans="1:5" s="4" customFormat="1" ht="21" customHeight="1" x14ac:dyDescent="0.25">
      <c r="A60" s="99" t="s">
        <v>64</v>
      </c>
      <c r="B60" s="96" t="s">
        <v>123</v>
      </c>
      <c r="C60" s="97" t="s">
        <v>106</v>
      </c>
      <c r="D60" s="151"/>
      <c r="E60" s="152"/>
    </row>
    <row r="61" spans="1:5" s="4" customFormat="1" ht="21.75" customHeight="1" x14ac:dyDescent="0.25">
      <c r="A61" s="99" t="s">
        <v>91</v>
      </c>
      <c r="B61" s="96" t="s">
        <v>124</v>
      </c>
      <c r="C61" s="97"/>
      <c r="D61" s="151"/>
      <c r="E61" s="152"/>
    </row>
    <row r="62" spans="1:5" s="4" customFormat="1" ht="21.75" customHeight="1" x14ac:dyDescent="0.25">
      <c r="A62" s="100" t="s">
        <v>92</v>
      </c>
      <c r="B62" s="96" t="s">
        <v>125</v>
      </c>
      <c r="C62" s="97"/>
      <c r="D62" s="151"/>
      <c r="E62" s="152"/>
    </row>
    <row r="63" spans="1:5" s="4" customFormat="1" ht="21.75" customHeight="1" x14ac:dyDescent="0.25">
      <c r="A63" s="100" t="s">
        <v>93</v>
      </c>
      <c r="B63" s="96" t="s">
        <v>126</v>
      </c>
      <c r="C63" s="97"/>
      <c r="D63" s="151"/>
      <c r="E63" s="152"/>
    </row>
    <row r="64" spans="1:5" s="4" customFormat="1" ht="21" customHeight="1" x14ac:dyDescent="0.25">
      <c r="A64" s="100" t="s">
        <v>94</v>
      </c>
      <c r="B64" s="96" t="s">
        <v>110</v>
      </c>
      <c r="C64" s="97"/>
      <c r="D64" s="151"/>
      <c r="E64" s="152"/>
    </row>
    <row r="65" spans="1:5" s="4" customFormat="1" ht="22.5" customHeight="1" x14ac:dyDescent="0.25">
      <c r="A65" s="101" t="s">
        <v>95</v>
      </c>
      <c r="B65" s="96" t="s">
        <v>127</v>
      </c>
      <c r="C65" s="97"/>
      <c r="D65" s="151"/>
      <c r="E65" s="152"/>
    </row>
    <row r="66" spans="1:5" s="4" customFormat="1" ht="19.5" customHeight="1" x14ac:dyDescent="0.25">
      <c r="A66" s="99" t="s">
        <v>96</v>
      </c>
      <c r="B66" s="96" t="s">
        <v>112</v>
      </c>
      <c r="C66" s="97" t="s">
        <v>106</v>
      </c>
      <c r="D66" s="151"/>
      <c r="E66" s="152"/>
    </row>
    <row r="67" spans="1:5" s="4" customFormat="1" ht="30.75" customHeight="1" x14ac:dyDescent="0.25">
      <c r="A67" s="100" t="s">
        <v>97</v>
      </c>
      <c r="B67" s="96" t="s">
        <v>113</v>
      </c>
      <c r="C67" s="97"/>
      <c r="D67" s="151"/>
      <c r="E67" s="152"/>
    </row>
    <row r="68" spans="1:5" s="4" customFormat="1" ht="21.75" customHeight="1" x14ac:dyDescent="0.25">
      <c r="A68" s="100" t="s">
        <v>98</v>
      </c>
      <c r="B68" s="96" t="s">
        <v>114</v>
      </c>
      <c r="C68" s="97"/>
      <c r="D68" s="151"/>
      <c r="E68" s="152"/>
    </row>
    <row r="69" spans="1:5" s="4" customFormat="1" ht="20.25" customHeight="1" x14ac:dyDescent="0.25">
      <c r="A69" s="100" t="s">
        <v>99</v>
      </c>
      <c r="B69" s="96" t="s">
        <v>115</v>
      </c>
      <c r="C69" s="97"/>
      <c r="D69" s="151"/>
      <c r="E69" s="152"/>
    </row>
    <row r="70" spans="1:5" s="4" customFormat="1" ht="23.25" customHeight="1" x14ac:dyDescent="0.25">
      <c r="A70" s="100" t="s">
        <v>100</v>
      </c>
      <c r="B70" s="96" t="s">
        <v>116</v>
      </c>
      <c r="C70" s="97"/>
      <c r="D70" s="151"/>
      <c r="E70" s="152"/>
    </row>
    <row r="71" spans="1:5" s="4" customFormat="1" ht="18.75" customHeight="1" x14ac:dyDescent="0.25">
      <c r="A71" s="100" t="s">
        <v>101</v>
      </c>
      <c r="B71" s="96" t="s">
        <v>117</v>
      </c>
      <c r="C71" s="97"/>
      <c r="D71" s="151"/>
      <c r="E71" s="152"/>
    </row>
    <row r="72" spans="1:5" s="4" customFormat="1" ht="21" customHeight="1" x14ac:dyDescent="0.25">
      <c r="A72" s="100" t="s">
        <v>102</v>
      </c>
      <c r="B72" s="96" t="s">
        <v>118</v>
      </c>
      <c r="C72" s="97"/>
      <c r="D72" s="151"/>
      <c r="E72" s="152"/>
    </row>
    <row r="73" spans="1:5" s="4" customFormat="1" ht="24" customHeight="1" thickBot="1" x14ac:dyDescent="0.3">
      <c r="A73" s="102" t="s">
        <v>103</v>
      </c>
      <c r="B73" s="96" t="s">
        <v>119</v>
      </c>
      <c r="C73" s="97"/>
      <c r="D73" s="151"/>
      <c r="E73" s="152"/>
    </row>
    <row r="74" spans="1:5" s="4" customFormat="1" ht="26.25" customHeight="1" thickBot="1" x14ac:dyDescent="0.3">
      <c r="A74" s="148" t="s">
        <v>128</v>
      </c>
      <c r="B74" s="149"/>
      <c r="C74" s="149"/>
      <c r="D74" s="149"/>
      <c r="E74" s="150"/>
    </row>
    <row r="75" spans="1:5" s="4" customFormat="1" ht="21.75" customHeight="1" x14ac:dyDescent="0.25">
      <c r="A75" s="98" t="s">
        <v>63</v>
      </c>
      <c r="B75" s="96" t="s">
        <v>104</v>
      </c>
      <c r="C75" s="97"/>
      <c r="D75" s="168"/>
      <c r="E75" s="169"/>
    </row>
    <row r="76" spans="1:5" s="4" customFormat="1" ht="20.25" customHeight="1" x14ac:dyDescent="0.25">
      <c r="A76" s="99" t="s">
        <v>64</v>
      </c>
      <c r="B76" s="96" t="s">
        <v>123</v>
      </c>
      <c r="C76" s="97" t="s">
        <v>106</v>
      </c>
      <c r="D76" s="151"/>
      <c r="E76" s="152"/>
    </row>
    <row r="77" spans="1:5" s="4" customFormat="1" ht="19.5" customHeight="1" x14ac:dyDescent="0.25">
      <c r="A77" s="99" t="s">
        <v>91</v>
      </c>
      <c r="B77" s="96" t="s">
        <v>124</v>
      </c>
      <c r="C77" s="97"/>
      <c r="D77" s="151"/>
      <c r="E77" s="152"/>
    </row>
    <row r="78" spans="1:5" s="4" customFormat="1" ht="24.75" customHeight="1" x14ac:dyDescent="0.25">
      <c r="A78" s="100" t="s">
        <v>92</v>
      </c>
      <c r="B78" s="96" t="s">
        <v>131</v>
      </c>
      <c r="C78" s="97"/>
      <c r="D78" s="151"/>
      <c r="E78" s="152"/>
    </row>
    <row r="79" spans="1:5" s="4" customFormat="1" ht="17.25" customHeight="1" x14ac:dyDescent="0.25">
      <c r="A79" s="101" t="s">
        <v>129</v>
      </c>
      <c r="B79" s="96" t="s">
        <v>132</v>
      </c>
      <c r="C79" s="97"/>
      <c r="D79" s="151"/>
      <c r="E79" s="152"/>
    </row>
    <row r="80" spans="1:5" s="4" customFormat="1" ht="17.25" customHeight="1" x14ac:dyDescent="0.25">
      <c r="A80" s="101" t="s">
        <v>130</v>
      </c>
      <c r="B80" s="96" t="s">
        <v>133</v>
      </c>
      <c r="C80" s="97"/>
      <c r="D80" s="151"/>
      <c r="E80" s="152"/>
    </row>
    <row r="81" spans="1:5" s="4" customFormat="1" ht="22.5" customHeight="1" x14ac:dyDescent="0.25">
      <c r="A81" s="100" t="s">
        <v>94</v>
      </c>
      <c r="B81" s="96" t="s">
        <v>110</v>
      </c>
      <c r="C81" s="97"/>
      <c r="D81" s="151"/>
      <c r="E81" s="152"/>
    </row>
    <row r="82" spans="1:5" s="4" customFormat="1" ht="21" customHeight="1" x14ac:dyDescent="0.25">
      <c r="A82" s="101" t="s">
        <v>95</v>
      </c>
      <c r="B82" s="96" t="s">
        <v>127</v>
      </c>
      <c r="C82" s="97"/>
      <c r="D82" s="151"/>
      <c r="E82" s="152"/>
    </row>
    <row r="83" spans="1:5" s="4" customFormat="1" ht="21.75" customHeight="1" x14ac:dyDescent="0.25">
      <c r="A83" s="99" t="s">
        <v>96</v>
      </c>
      <c r="B83" s="96" t="s">
        <v>112</v>
      </c>
      <c r="C83" s="97" t="s">
        <v>106</v>
      </c>
      <c r="D83" s="151"/>
      <c r="E83" s="152"/>
    </row>
    <row r="84" spans="1:5" s="4" customFormat="1" ht="38.25" customHeight="1" x14ac:dyDescent="0.25">
      <c r="A84" s="100" t="s">
        <v>97</v>
      </c>
      <c r="B84" s="96" t="s">
        <v>134</v>
      </c>
      <c r="C84" s="97"/>
      <c r="D84" s="151"/>
      <c r="E84" s="152"/>
    </row>
    <row r="85" spans="1:5" s="4" customFormat="1" ht="18.75" customHeight="1" x14ac:dyDescent="0.25">
      <c r="A85" s="100" t="s">
        <v>98</v>
      </c>
      <c r="B85" s="96" t="s">
        <v>114</v>
      </c>
      <c r="C85" s="97"/>
      <c r="D85" s="151"/>
      <c r="E85" s="152"/>
    </row>
    <row r="86" spans="1:5" s="4" customFormat="1" ht="24" customHeight="1" x14ac:dyDescent="0.25">
      <c r="A86" s="100" t="s">
        <v>99</v>
      </c>
      <c r="B86" s="103" t="s">
        <v>115</v>
      </c>
      <c r="C86" s="97"/>
      <c r="D86" s="151"/>
      <c r="E86" s="152"/>
    </row>
    <row r="87" spans="1:5" s="4" customFormat="1" ht="20.25" customHeight="1" x14ac:dyDescent="0.25">
      <c r="A87" s="100" t="s">
        <v>100</v>
      </c>
      <c r="B87" s="96" t="s">
        <v>116</v>
      </c>
      <c r="C87" s="97"/>
      <c r="D87" s="151"/>
      <c r="E87" s="152"/>
    </row>
    <row r="88" spans="1:5" s="4" customFormat="1" ht="23.25" customHeight="1" x14ac:dyDescent="0.25">
      <c r="A88" s="100" t="s">
        <v>101</v>
      </c>
      <c r="B88" s="96" t="s">
        <v>117</v>
      </c>
      <c r="C88" s="97"/>
      <c r="D88" s="151"/>
      <c r="E88" s="152"/>
    </row>
    <row r="89" spans="1:5" s="4" customFormat="1" ht="20.25" customHeight="1" x14ac:dyDescent="0.25">
      <c r="A89" s="100" t="s">
        <v>102</v>
      </c>
      <c r="B89" s="96" t="s">
        <v>118</v>
      </c>
      <c r="C89" s="97"/>
      <c r="D89" s="151"/>
      <c r="E89" s="152"/>
    </row>
    <row r="90" spans="1:5" s="4" customFormat="1" ht="23.25" customHeight="1" thickBot="1" x14ac:dyDescent="0.3">
      <c r="A90" s="102" t="s">
        <v>103</v>
      </c>
      <c r="B90" s="96" t="s">
        <v>119</v>
      </c>
      <c r="C90" s="97"/>
      <c r="D90" s="151"/>
      <c r="E90" s="152"/>
    </row>
    <row r="91" spans="1:5" s="4" customFormat="1" ht="30" customHeight="1" thickBot="1" x14ac:dyDescent="0.3">
      <c r="A91" s="148" t="s">
        <v>135</v>
      </c>
      <c r="B91" s="149"/>
      <c r="C91" s="149"/>
      <c r="D91" s="149"/>
      <c r="E91" s="150"/>
    </row>
    <row r="92" spans="1:5" s="4" customFormat="1" ht="26.25" customHeight="1" x14ac:dyDescent="0.25">
      <c r="A92" s="98" t="s">
        <v>63</v>
      </c>
      <c r="B92" s="96" t="s">
        <v>104</v>
      </c>
      <c r="C92" s="97"/>
      <c r="D92" s="168"/>
      <c r="E92" s="169"/>
    </row>
    <row r="93" spans="1:5" s="4" customFormat="1" ht="23.25" customHeight="1" x14ac:dyDescent="0.25">
      <c r="A93" s="99" t="s">
        <v>64</v>
      </c>
      <c r="B93" s="96" t="s">
        <v>123</v>
      </c>
      <c r="C93" s="97"/>
      <c r="D93" s="151"/>
      <c r="E93" s="152"/>
    </row>
    <row r="94" spans="1:5" s="4" customFormat="1" ht="22.5" customHeight="1" x14ac:dyDescent="0.25">
      <c r="A94" s="99" t="s">
        <v>91</v>
      </c>
      <c r="B94" s="96" t="s">
        <v>124</v>
      </c>
      <c r="C94" s="97"/>
      <c r="D94" s="151"/>
      <c r="E94" s="152"/>
    </row>
    <row r="95" spans="1:5" s="4" customFormat="1" ht="23.25" customHeight="1" x14ac:dyDescent="0.25">
      <c r="A95" s="100" t="s">
        <v>92</v>
      </c>
      <c r="B95" s="96" t="s">
        <v>136</v>
      </c>
      <c r="C95" s="97"/>
      <c r="D95" s="151"/>
      <c r="E95" s="152"/>
    </row>
    <row r="96" spans="1:5" s="4" customFormat="1" ht="24" customHeight="1" x14ac:dyDescent="0.25">
      <c r="A96" s="100" t="s">
        <v>93</v>
      </c>
      <c r="B96" s="96" t="s">
        <v>137</v>
      </c>
      <c r="C96" s="97"/>
      <c r="D96" s="151"/>
      <c r="E96" s="152"/>
    </row>
    <row r="97" spans="1:5" s="4" customFormat="1" ht="24" customHeight="1" x14ac:dyDescent="0.25">
      <c r="A97" s="100" t="s">
        <v>94</v>
      </c>
      <c r="B97" s="96" t="s">
        <v>110</v>
      </c>
      <c r="C97" s="97"/>
      <c r="D97" s="151"/>
      <c r="E97" s="152"/>
    </row>
    <row r="98" spans="1:5" s="4" customFormat="1" ht="20.25" customHeight="1" x14ac:dyDescent="0.25">
      <c r="A98" s="101" t="s">
        <v>95</v>
      </c>
      <c r="B98" s="96" t="s">
        <v>127</v>
      </c>
      <c r="C98" s="97"/>
      <c r="D98" s="151"/>
      <c r="E98" s="152"/>
    </row>
    <row r="99" spans="1:5" s="4" customFormat="1" ht="22.5" customHeight="1" x14ac:dyDescent="0.25">
      <c r="A99" s="99" t="s">
        <v>96</v>
      </c>
      <c r="B99" s="96" t="s">
        <v>112</v>
      </c>
      <c r="C99" s="97"/>
      <c r="D99" s="151"/>
      <c r="E99" s="152"/>
    </row>
    <row r="100" spans="1:5" s="4" customFormat="1" ht="38.25" customHeight="1" x14ac:dyDescent="0.25">
      <c r="A100" s="100" t="s">
        <v>97</v>
      </c>
      <c r="B100" s="96" t="s">
        <v>138</v>
      </c>
      <c r="C100" s="97"/>
      <c r="D100" s="151"/>
      <c r="E100" s="152"/>
    </row>
    <row r="101" spans="1:5" s="4" customFormat="1" ht="23.25" customHeight="1" x14ac:dyDescent="0.25">
      <c r="A101" s="100" t="s">
        <v>98</v>
      </c>
      <c r="B101" s="96" t="s">
        <v>139</v>
      </c>
      <c r="C101" s="97"/>
      <c r="D101" s="151"/>
      <c r="E101" s="152"/>
    </row>
    <row r="102" spans="1:5" s="4" customFormat="1" ht="22.5" customHeight="1" x14ac:dyDescent="0.25">
      <c r="A102" s="100" t="s">
        <v>99</v>
      </c>
      <c r="B102" s="96" t="s">
        <v>140</v>
      </c>
      <c r="C102" s="97"/>
      <c r="D102" s="151"/>
      <c r="E102" s="152"/>
    </row>
    <row r="103" spans="1:5" s="4" customFormat="1" ht="24.75" customHeight="1" x14ac:dyDescent="0.25">
      <c r="A103" s="100" t="s">
        <v>100</v>
      </c>
      <c r="B103" s="96" t="s">
        <v>116</v>
      </c>
      <c r="C103" s="97"/>
      <c r="D103" s="151"/>
      <c r="E103" s="152"/>
    </row>
    <row r="104" spans="1:5" s="4" customFormat="1" ht="21" customHeight="1" x14ac:dyDescent="0.25">
      <c r="A104" s="100" t="s">
        <v>101</v>
      </c>
      <c r="B104" s="27" t="s">
        <v>117</v>
      </c>
      <c r="C104" s="25"/>
      <c r="D104" s="151"/>
      <c r="E104" s="152"/>
    </row>
    <row r="105" spans="1:5" s="4" customFormat="1" ht="24.75" customHeight="1" x14ac:dyDescent="0.25">
      <c r="A105" s="100" t="s">
        <v>102</v>
      </c>
      <c r="B105" s="27" t="s">
        <v>118</v>
      </c>
      <c r="C105" s="25"/>
      <c r="D105" s="151"/>
      <c r="E105" s="152"/>
    </row>
    <row r="106" spans="1:5" s="4" customFormat="1" ht="31.5" customHeight="1" thickBot="1" x14ac:dyDescent="0.3">
      <c r="A106" s="102" t="s">
        <v>103</v>
      </c>
      <c r="B106" s="72" t="s">
        <v>119</v>
      </c>
      <c r="C106" s="104"/>
      <c r="D106" s="153"/>
      <c r="E106" s="154"/>
    </row>
    <row r="107" spans="1:5" s="3" customFormat="1" ht="5.0999999999999996" customHeight="1" x14ac:dyDescent="0.25">
      <c r="A107" s="31"/>
      <c r="B107" s="32"/>
      <c r="C107" s="33"/>
      <c r="D107" s="33"/>
      <c r="E107" s="34"/>
    </row>
    <row r="108" spans="1:5" s="2" customFormat="1" ht="20.100000000000001" customHeight="1" x14ac:dyDescent="0.25">
      <c r="A108" s="146" t="s">
        <v>42</v>
      </c>
      <c r="B108" s="141"/>
      <c r="C108" s="141"/>
      <c r="D108" s="141"/>
      <c r="E108" s="147"/>
    </row>
    <row r="109" spans="1:5" s="2" customFormat="1" ht="5.0999999999999996" customHeight="1" thickBot="1" x14ac:dyDescent="0.3">
      <c r="A109" s="35"/>
      <c r="C109" s="5"/>
      <c r="D109" s="5"/>
      <c r="E109" s="36"/>
    </row>
    <row r="110" spans="1:5" s="3" customFormat="1" ht="69" customHeight="1" x14ac:dyDescent="0.25">
      <c r="A110" s="105" t="s">
        <v>7</v>
      </c>
      <c r="B110" s="106"/>
      <c r="C110" s="109" t="s">
        <v>27</v>
      </c>
      <c r="D110" s="110"/>
      <c r="E110" s="111"/>
    </row>
    <row r="111" spans="1:5" s="3" customFormat="1" ht="30" customHeight="1" thickBot="1" x14ac:dyDescent="0.3">
      <c r="A111" s="107"/>
      <c r="B111" s="108"/>
      <c r="C111" s="17" t="s">
        <v>6</v>
      </c>
      <c r="D111" s="119" t="s">
        <v>28</v>
      </c>
      <c r="E111" s="120"/>
    </row>
    <row r="112" spans="1:5" s="2" customFormat="1" ht="51" customHeight="1" x14ac:dyDescent="0.25">
      <c r="A112" s="89" t="s">
        <v>14</v>
      </c>
      <c r="B112" s="90" t="s">
        <v>141</v>
      </c>
      <c r="C112" s="65"/>
      <c r="D112" s="144"/>
      <c r="E112" s="145"/>
    </row>
    <row r="113" spans="1:5" s="2" customFormat="1" ht="41.25" customHeight="1" x14ac:dyDescent="0.25">
      <c r="A113" s="68" t="s">
        <v>50</v>
      </c>
      <c r="B113" s="64" t="s">
        <v>142</v>
      </c>
      <c r="C113" s="25"/>
      <c r="D113" s="116"/>
      <c r="E113" s="117"/>
    </row>
    <row r="114" spans="1:5" s="2" customFormat="1" ht="22.5" customHeight="1" x14ac:dyDescent="0.25">
      <c r="A114" s="68" t="s">
        <v>51</v>
      </c>
      <c r="B114" s="78" t="s">
        <v>143</v>
      </c>
      <c r="C114" s="25"/>
      <c r="D114" s="116"/>
      <c r="E114" s="117"/>
    </row>
    <row r="115" spans="1:5" s="2" customFormat="1" ht="27" customHeight="1" x14ac:dyDescent="0.25">
      <c r="A115" s="69" t="s">
        <v>66</v>
      </c>
      <c r="B115" s="63" t="s">
        <v>144</v>
      </c>
      <c r="C115" s="25"/>
      <c r="D115" s="116"/>
      <c r="E115" s="117"/>
    </row>
    <row r="116" spans="1:5" s="2" customFormat="1" ht="36" customHeight="1" x14ac:dyDescent="0.25">
      <c r="A116" s="69" t="s">
        <v>67</v>
      </c>
      <c r="B116" s="63" t="s">
        <v>145</v>
      </c>
      <c r="C116" s="25"/>
      <c r="D116" s="116"/>
      <c r="E116" s="117"/>
    </row>
    <row r="117" spans="1:5" s="2" customFormat="1" ht="23.25" customHeight="1" x14ac:dyDescent="0.25">
      <c r="A117" s="69" t="s">
        <v>68</v>
      </c>
      <c r="B117" s="63" t="s">
        <v>146</v>
      </c>
      <c r="C117" s="25"/>
      <c r="D117" s="116"/>
      <c r="E117" s="117"/>
    </row>
    <row r="118" spans="1:5" s="2" customFormat="1" ht="51" customHeight="1" x14ac:dyDescent="0.25">
      <c r="A118" s="69" t="s">
        <v>69</v>
      </c>
      <c r="B118" s="79" t="s">
        <v>147</v>
      </c>
      <c r="C118" s="30"/>
      <c r="D118" s="125"/>
      <c r="E118" s="126"/>
    </row>
    <row r="119" spans="1:5" s="2" customFormat="1" ht="129" customHeight="1" x14ac:dyDescent="0.25">
      <c r="A119" s="80" t="s">
        <v>70</v>
      </c>
      <c r="B119" s="77" t="s">
        <v>148</v>
      </c>
      <c r="C119" s="37"/>
      <c r="D119" s="127"/>
      <c r="E119" s="128"/>
    </row>
    <row r="120" spans="1:5" s="2" customFormat="1" ht="126.75" customHeight="1" x14ac:dyDescent="0.25">
      <c r="A120" s="67" t="s">
        <v>52</v>
      </c>
      <c r="B120" s="81" t="s">
        <v>149</v>
      </c>
      <c r="C120" s="25"/>
      <c r="D120" s="116"/>
      <c r="E120" s="117"/>
    </row>
    <row r="121" spans="1:5" s="2" customFormat="1" ht="116.25" customHeight="1" x14ac:dyDescent="0.25">
      <c r="A121" s="67" t="s">
        <v>53</v>
      </c>
      <c r="B121" s="64" t="s">
        <v>150</v>
      </c>
      <c r="C121" s="25"/>
      <c r="D121" s="75"/>
      <c r="E121" s="76"/>
    </row>
    <row r="122" spans="1:5" s="2" customFormat="1" ht="96" customHeight="1" x14ac:dyDescent="0.25">
      <c r="A122" s="67" t="s">
        <v>71</v>
      </c>
      <c r="B122" s="64" t="s">
        <v>151</v>
      </c>
      <c r="C122" s="25"/>
      <c r="D122" s="75"/>
      <c r="E122" s="76"/>
    </row>
    <row r="123" spans="1:5" s="2" customFormat="1" ht="76.5" customHeight="1" x14ac:dyDescent="0.25">
      <c r="A123" s="67" t="s">
        <v>152</v>
      </c>
      <c r="B123" s="64" t="s">
        <v>153</v>
      </c>
      <c r="C123" s="25"/>
      <c r="D123" s="75"/>
      <c r="E123" s="76"/>
    </row>
    <row r="124" spans="1:5" s="2" customFormat="1" ht="72" customHeight="1" x14ac:dyDescent="0.25">
      <c r="A124" s="67" t="s">
        <v>72</v>
      </c>
      <c r="B124" s="81" t="s">
        <v>154</v>
      </c>
      <c r="C124" s="25"/>
      <c r="D124" s="116"/>
      <c r="E124" s="117"/>
    </row>
    <row r="125" spans="1:5" s="2" customFormat="1" ht="92.25" customHeight="1" x14ac:dyDescent="0.25">
      <c r="A125" s="67" t="s">
        <v>73</v>
      </c>
      <c r="B125" s="81" t="s">
        <v>155</v>
      </c>
      <c r="C125" s="29"/>
      <c r="D125" s="116"/>
      <c r="E125" s="117"/>
    </row>
    <row r="126" spans="1:5" s="2" customFormat="1" ht="109.5" customHeight="1" x14ac:dyDescent="0.25">
      <c r="A126" s="67" t="s">
        <v>74</v>
      </c>
      <c r="B126" s="81" t="s">
        <v>156</v>
      </c>
      <c r="C126" s="25"/>
      <c r="D126" s="116"/>
      <c r="E126" s="117"/>
    </row>
    <row r="127" spans="1:5" s="2" customFormat="1" ht="66" customHeight="1" x14ac:dyDescent="0.25">
      <c r="A127" s="67" t="s">
        <v>75</v>
      </c>
      <c r="B127" s="81" t="s">
        <v>157</v>
      </c>
      <c r="C127" s="38"/>
      <c r="D127" s="116"/>
      <c r="E127" s="117"/>
    </row>
    <row r="128" spans="1:5" s="2" customFormat="1" ht="69" customHeight="1" x14ac:dyDescent="0.25">
      <c r="A128" s="67" t="s">
        <v>76</v>
      </c>
      <c r="B128" s="85" t="s">
        <v>158</v>
      </c>
      <c r="C128" s="82"/>
      <c r="D128" s="83"/>
      <c r="E128" s="84"/>
    </row>
    <row r="129" spans="1:6" s="2" customFormat="1" ht="89.25" customHeight="1" x14ac:dyDescent="0.25">
      <c r="A129" s="67" t="s">
        <v>77</v>
      </c>
      <c r="B129" s="86" t="s">
        <v>159</v>
      </c>
      <c r="C129" s="82"/>
      <c r="D129" s="83"/>
      <c r="E129" s="84"/>
    </row>
    <row r="130" spans="1:6" s="2" customFormat="1" ht="96" customHeight="1" x14ac:dyDescent="0.25">
      <c r="A130" s="87" t="s">
        <v>78</v>
      </c>
      <c r="B130" s="88" t="s">
        <v>160</v>
      </c>
      <c r="C130" s="82"/>
      <c r="D130" s="83"/>
      <c r="E130" s="84"/>
    </row>
    <row r="131" spans="1:6" s="2" customFormat="1" ht="179.25" customHeight="1" x14ac:dyDescent="0.25">
      <c r="A131" s="87" t="s">
        <v>79</v>
      </c>
      <c r="B131" s="81" t="s">
        <v>161</v>
      </c>
      <c r="C131" s="82"/>
      <c r="D131" s="83"/>
      <c r="E131" s="84"/>
    </row>
    <row r="132" spans="1:6" s="2" customFormat="1" ht="216" customHeight="1" x14ac:dyDescent="0.25">
      <c r="A132" s="67" t="s">
        <v>82</v>
      </c>
      <c r="B132" s="85" t="s">
        <v>162</v>
      </c>
      <c r="C132" s="82"/>
      <c r="D132" s="83"/>
      <c r="E132" s="84"/>
    </row>
    <row r="133" spans="1:6" s="2" customFormat="1" ht="96" customHeight="1" thickBot="1" x14ac:dyDescent="0.3">
      <c r="A133" s="91" t="s">
        <v>83</v>
      </c>
      <c r="B133" s="92" t="s">
        <v>163</v>
      </c>
      <c r="C133" s="66"/>
      <c r="D133" s="123"/>
      <c r="E133" s="124"/>
    </row>
    <row r="134" spans="1:6" s="3" customFormat="1" x14ac:dyDescent="0.25">
      <c r="A134" s="32"/>
      <c r="B134" s="32"/>
      <c r="C134" s="33"/>
      <c r="D134" s="33"/>
      <c r="E134" s="41"/>
    </row>
    <row r="135" spans="1:6" s="2" customFormat="1" ht="20.100000000000001" customHeight="1" x14ac:dyDescent="0.25">
      <c r="A135" s="141" t="s">
        <v>48</v>
      </c>
      <c r="B135" s="141"/>
      <c r="C135" s="141"/>
      <c r="D135" s="141"/>
      <c r="E135" s="141"/>
      <c r="F135" s="118"/>
    </row>
    <row r="136" spans="1:6" s="2" customFormat="1" ht="4.5" customHeight="1" thickBot="1" x14ac:dyDescent="0.3">
      <c r="F136" s="118"/>
    </row>
    <row r="137" spans="1:6" s="2" customFormat="1" ht="80.25" customHeight="1" x14ac:dyDescent="0.25">
      <c r="A137" s="105" t="s">
        <v>54</v>
      </c>
      <c r="B137" s="106"/>
      <c r="C137" s="109" t="s">
        <v>49</v>
      </c>
      <c r="D137" s="110"/>
      <c r="E137" s="111"/>
      <c r="F137" s="118"/>
    </row>
    <row r="138" spans="1:6" s="3" customFormat="1" ht="29.25" customHeight="1" thickBot="1" x14ac:dyDescent="0.3">
      <c r="A138" s="107"/>
      <c r="B138" s="108"/>
      <c r="C138" s="17" t="s">
        <v>6</v>
      </c>
      <c r="D138" s="119" t="s">
        <v>28</v>
      </c>
      <c r="E138" s="120"/>
      <c r="F138" s="118"/>
    </row>
    <row r="139" spans="1:6" s="3" customFormat="1" ht="55.5" customHeight="1" x14ac:dyDescent="0.25">
      <c r="A139" s="39" t="s">
        <v>63</v>
      </c>
      <c r="B139" s="70" t="s">
        <v>60</v>
      </c>
      <c r="C139" s="42"/>
      <c r="D139" s="43"/>
      <c r="E139" s="44"/>
      <c r="F139" s="118"/>
    </row>
    <row r="140" spans="1:6" s="3" customFormat="1" ht="47.25" customHeight="1" x14ac:dyDescent="0.25">
      <c r="A140" s="39" t="s">
        <v>64</v>
      </c>
      <c r="B140" s="60" t="s">
        <v>61</v>
      </c>
      <c r="C140" s="42"/>
      <c r="D140" s="43"/>
      <c r="E140" s="44"/>
      <c r="F140" s="118"/>
    </row>
    <row r="141" spans="1:6" s="3" customFormat="1" ht="35.25" customHeight="1" x14ac:dyDescent="0.25">
      <c r="A141" s="39" t="s">
        <v>59</v>
      </c>
      <c r="B141" s="73" t="s">
        <v>62</v>
      </c>
      <c r="C141" s="42"/>
      <c r="D141" s="43"/>
      <c r="E141" s="44"/>
      <c r="F141" s="118"/>
    </row>
    <row r="142" spans="1:6" s="3" customFormat="1" ht="55.5" customHeight="1" thickBot="1" x14ac:dyDescent="0.3">
      <c r="A142" s="40" t="s">
        <v>65</v>
      </c>
      <c r="B142" s="74" t="s">
        <v>81</v>
      </c>
      <c r="C142" s="45"/>
      <c r="D142" s="121"/>
      <c r="E142" s="122"/>
      <c r="F142" s="118"/>
    </row>
    <row r="143" spans="1:6" s="2" customFormat="1" ht="5.0999999999999996" customHeight="1" x14ac:dyDescent="0.25">
      <c r="A143" s="32"/>
      <c r="B143" s="32"/>
      <c r="C143" s="33"/>
      <c r="D143" s="33"/>
      <c r="E143" s="41"/>
    </row>
    <row r="144" spans="1:6" s="2" customFormat="1" ht="20.100000000000001" customHeight="1" x14ac:dyDescent="0.25">
      <c r="A144" s="141" t="s">
        <v>13</v>
      </c>
      <c r="B144" s="141"/>
      <c r="C144" s="141"/>
      <c r="D144" s="141"/>
      <c r="E144" s="141"/>
    </row>
    <row r="145" spans="1:5" s="3" customFormat="1" ht="22.5" customHeight="1" x14ac:dyDescent="0.25">
      <c r="A145" s="32" t="s">
        <v>15</v>
      </c>
      <c r="B145" s="164" t="s">
        <v>58</v>
      </c>
      <c r="C145" s="164"/>
      <c r="D145" s="164"/>
      <c r="E145" s="164"/>
    </row>
    <row r="146" spans="1:5" s="19" customFormat="1" ht="30" customHeight="1" x14ac:dyDescent="0.25">
      <c r="A146" s="165" t="s">
        <v>29</v>
      </c>
      <c r="B146" s="165"/>
      <c r="C146" s="165"/>
      <c r="D146" s="165"/>
      <c r="E146" s="3"/>
    </row>
    <row r="147" spans="1:5" s="2" customFormat="1" ht="24" x14ac:dyDescent="0.25">
      <c r="A147" s="46" t="s">
        <v>30</v>
      </c>
      <c r="B147" s="166"/>
      <c r="C147" s="166"/>
      <c r="E147" s="19"/>
    </row>
    <row r="148" spans="1:5" s="2" customFormat="1" ht="24" x14ac:dyDescent="0.25">
      <c r="A148" s="46" t="s">
        <v>31</v>
      </c>
      <c r="B148" s="161"/>
      <c r="C148" s="161"/>
      <c r="E148" s="19"/>
    </row>
    <row r="149" spans="1:5" s="2" customFormat="1" ht="24.95" customHeight="1" x14ac:dyDescent="0.25">
      <c r="A149" s="46" t="s">
        <v>32</v>
      </c>
      <c r="B149" s="161"/>
      <c r="C149" s="161"/>
      <c r="E149" s="19"/>
    </row>
    <row r="150" spans="1:5" s="3" customFormat="1" ht="34.5" customHeight="1" x14ac:dyDescent="0.25">
      <c r="A150" s="46" t="s">
        <v>33</v>
      </c>
      <c r="B150" s="161"/>
      <c r="C150" s="161"/>
      <c r="D150" s="2"/>
      <c r="E150" s="47"/>
    </row>
    <row r="151" spans="1:5" s="2" customFormat="1" ht="46.5" customHeight="1" x14ac:dyDescent="0.2">
      <c r="A151" s="48"/>
      <c r="B151" s="49"/>
      <c r="C151" s="49"/>
      <c r="E151" s="50"/>
    </row>
    <row r="152" spans="1:5" s="3" customFormat="1" ht="15" customHeight="1" x14ac:dyDescent="0.25">
      <c r="A152" s="162" t="s">
        <v>34</v>
      </c>
      <c r="B152" s="162"/>
      <c r="C152" s="162"/>
      <c r="D152" s="162"/>
      <c r="E152" s="162"/>
    </row>
    <row r="153" spans="1:5" s="2" customFormat="1" ht="36.75" customHeight="1" x14ac:dyDescent="0.25">
      <c r="A153" s="163" t="s">
        <v>45</v>
      </c>
      <c r="B153" s="163"/>
      <c r="C153" s="163"/>
      <c r="D153" s="163"/>
      <c r="E153" s="163"/>
    </row>
    <row r="154" spans="1:5" s="2" customFormat="1" ht="20.100000000000001" customHeight="1" x14ac:dyDescent="0.2">
      <c r="A154" s="1"/>
      <c r="B154" s="1"/>
      <c r="C154" s="6"/>
      <c r="D154" s="6"/>
    </row>
    <row r="155" spans="1:5" s="3" customFormat="1" ht="4.5" customHeight="1" x14ac:dyDescent="0.2">
      <c r="A155" s="1"/>
      <c r="B155" s="1"/>
      <c r="C155" s="6"/>
      <c r="D155" s="6"/>
      <c r="E155" s="2"/>
    </row>
    <row r="156" spans="1:5" s="3" customFormat="1" ht="20.100000000000001" customHeight="1" x14ac:dyDescent="0.25">
      <c r="A156" s="51" t="s">
        <v>35</v>
      </c>
      <c r="B156" s="52"/>
      <c r="C156" s="53" t="s">
        <v>36</v>
      </c>
      <c r="D156" s="167"/>
      <c r="E156" s="167"/>
    </row>
    <row r="157" spans="1:5" s="3" customFormat="1" ht="20.100000000000001" customHeight="1" x14ac:dyDescent="0.25">
      <c r="A157" s="54" t="s">
        <v>37</v>
      </c>
      <c r="B157" s="55"/>
      <c r="C157" s="56"/>
      <c r="D157" s="57"/>
      <c r="E157" s="57"/>
    </row>
    <row r="158" spans="1:5" ht="20.100000000000001" customHeight="1" x14ac:dyDescent="0.2">
      <c r="C158" s="58" t="s">
        <v>38</v>
      </c>
      <c r="D158" s="166"/>
      <c r="E158" s="166"/>
    </row>
    <row r="159" spans="1:5" s="2" customFormat="1" ht="20.100000000000001" customHeight="1" x14ac:dyDescent="0.2">
      <c r="A159" s="1"/>
      <c r="B159" s="1"/>
      <c r="C159" s="58" t="s">
        <v>39</v>
      </c>
      <c r="D159" s="161"/>
      <c r="E159" s="161"/>
    </row>
    <row r="160" spans="1:5" s="2" customFormat="1" ht="20.100000000000001" customHeight="1" x14ac:dyDescent="0.2">
      <c r="A160" s="1"/>
      <c r="B160" s="1"/>
      <c r="C160" s="59" t="s">
        <v>40</v>
      </c>
      <c r="D160" s="1"/>
    </row>
    <row r="161" spans="1:4" s="2" customFormat="1" ht="37.5" customHeight="1" x14ac:dyDescent="0.25"/>
    <row r="162" spans="1:4" s="2" customFormat="1" ht="24" customHeight="1" x14ac:dyDescent="0.25"/>
    <row r="163" spans="1:4" s="2" customFormat="1" ht="24" customHeight="1" x14ac:dyDescent="0.25"/>
    <row r="164" spans="1:4" s="2" customFormat="1" ht="24" customHeight="1" x14ac:dyDescent="0.25"/>
    <row r="165" spans="1:4" s="2" customFormat="1" ht="20.100000000000001" customHeight="1" x14ac:dyDescent="0.25"/>
    <row r="166" spans="1:4" s="2" customFormat="1" ht="20.100000000000001" customHeight="1" x14ac:dyDescent="0.25"/>
    <row r="167" spans="1:4" s="2" customFormat="1" ht="50.1" customHeight="1" x14ac:dyDescent="0.25"/>
    <row r="168" spans="1:4" s="2" customFormat="1" ht="43.5" customHeight="1" x14ac:dyDescent="0.25"/>
    <row r="169" spans="1:4" ht="24.75" customHeight="1" x14ac:dyDescent="0.2">
      <c r="A169" s="2"/>
      <c r="B169" s="2"/>
      <c r="C169" s="2"/>
      <c r="D169" s="2"/>
    </row>
    <row r="170" spans="1:4" x14ac:dyDescent="0.2">
      <c r="A170" s="2"/>
      <c r="B170" s="2"/>
      <c r="C170" s="2"/>
      <c r="D170" s="2"/>
    </row>
    <row r="171" spans="1:4" ht="20.100000000000001" customHeight="1" x14ac:dyDescent="0.2"/>
    <row r="172" spans="1:4" ht="4.5" customHeight="1" x14ac:dyDescent="0.2"/>
    <row r="173" spans="1:4" ht="20.100000000000001" customHeight="1" x14ac:dyDescent="0.2"/>
    <row r="174" spans="1:4" ht="20.100000000000001" customHeight="1" x14ac:dyDescent="0.2"/>
    <row r="175" spans="1:4" ht="20.100000000000001" customHeight="1" x14ac:dyDescent="0.2"/>
  </sheetData>
  <mergeCells count="126">
    <mergeCell ref="D101:E101"/>
    <mergeCell ref="D102:E102"/>
    <mergeCell ref="D103:E103"/>
    <mergeCell ref="D96:E96"/>
    <mergeCell ref="D97:E97"/>
    <mergeCell ref="D98:E98"/>
    <mergeCell ref="D99:E99"/>
    <mergeCell ref="D100:E100"/>
    <mergeCell ref="D90:E90"/>
    <mergeCell ref="D92:E92"/>
    <mergeCell ref="D93:E93"/>
    <mergeCell ref="D94:E94"/>
    <mergeCell ref="D95:E95"/>
    <mergeCell ref="D85:E85"/>
    <mergeCell ref="D86:E86"/>
    <mergeCell ref="D87:E87"/>
    <mergeCell ref="D88:E88"/>
    <mergeCell ref="D89:E89"/>
    <mergeCell ref="D80:E80"/>
    <mergeCell ref="D81:E81"/>
    <mergeCell ref="D82:E82"/>
    <mergeCell ref="D83:E83"/>
    <mergeCell ref="D84:E84"/>
    <mergeCell ref="D61:E61"/>
    <mergeCell ref="D62:E62"/>
    <mergeCell ref="D63:E63"/>
    <mergeCell ref="D75:E75"/>
    <mergeCell ref="D76:E76"/>
    <mergeCell ref="D77:E77"/>
    <mergeCell ref="D78:E78"/>
    <mergeCell ref="D79:E79"/>
    <mergeCell ref="D69:E69"/>
    <mergeCell ref="D70:E70"/>
    <mergeCell ref="D71:E71"/>
    <mergeCell ref="D72:E72"/>
    <mergeCell ref="D73:E73"/>
    <mergeCell ref="D113:E113"/>
    <mergeCell ref="D104:E104"/>
    <mergeCell ref="D106:E106"/>
    <mergeCell ref="D105:E105"/>
    <mergeCell ref="A42:E42"/>
    <mergeCell ref="A41:E41"/>
    <mergeCell ref="A37:E37"/>
    <mergeCell ref="D159:E159"/>
    <mergeCell ref="A152:E152"/>
    <mergeCell ref="A153:E153"/>
    <mergeCell ref="B150:C150"/>
    <mergeCell ref="A144:E144"/>
    <mergeCell ref="B145:E145"/>
    <mergeCell ref="A146:D146"/>
    <mergeCell ref="B148:C148"/>
    <mergeCell ref="B149:C149"/>
    <mergeCell ref="B147:C147"/>
    <mergeCell ref="D156:E156"/>
    <mergeCell ref="D158:E158"/>
    <mergeCell ref="D53:E53"/>
    <mergeCell ref="D54:E54"/>
    <mergeCell ref="D55:E55"/>
    <mergeCell ref="D56:E56"/>
    <mergeCell ref="D57:E57"/>
    <mergeCell ref="D112:E112"/>
    <mergeCell ref="A110:B111"/>
    <mergeCell ref="C110:E110"/>
    <mergeCell ref="D111:E111"/>
    <mergeCell ref="A108:E108"/>
    <mergeCell ref="A58:E58"/>
    <mergeCell ref="A74:E74"/>
    <mergeCell ref="A91:E91"/>
    <mergeCell ref="D44:E44"/>
    <mergeCell ref="D45:E45"/>
    <mergeCell ref="D46:E46"/>
    <mergeCell ref="D47:E47"/>
    <mergeCell ref="D48:E48"/>
    <mergeCell ref="D49:E49"/>
    <mergeCell ref="D50:E50"/>
    <mergeCell ref="D51:E51"/>
    <mergeCell ref="D52:E52"/>
    <mergeCell ref="D64:E64"/>
    <mergeCell ref="D65:E65"/>
    <mergeCell ref="D66:E66"/>
    <mergeCell ref="D67:E67"/>
    <mergeCell ref="D68:E68"/>
    <mergeCell ref="D59:E59"/>
    <mergeCell ref="D60:E60"/>
    <mergeCell ref="A2:E2"/>
    <mergeCell ref="A1:E1"/>
    <mergeCell ref="A12:C12"/>
    <mergeCell ref="A23:B23"/>
    <mergeCell ref="A26:B26"/>
    <mergeCell ref="A13:C13"/>
    <mergeCell ref="A22:E22"/>
    <mergeCell ref="A16:C16"/>
    <mergeCell ref="A17:C17"/>
    <mergeCell ref="A18:E18"/>
    <mergeCell ref="A19:E19"/>
    <mergeCell ref="A20:C20"/>
    <mergeCell ref="A3:E3"/>
    <mergeCell ref="A7:E7"/>
    <mergeCell ref="A8:E8"/>
    <mergeCell ref="A9:E9"/>
    <mergeCell ref="A11:E11"/>
    <mergeCell ref="A21:E21"/>
    <mergeCell ref="A39:B40"/>
    <mergeCell ref="C39:E39"/>
    <mergeCell ref="D40:E40"/>
    <mergeCell ref="B27:C27"/>
    <mergeCell ref="D114:E114"/>
    <mergeCell ref="D127:E127"/>
    <mergeCell ref="D115:E115"/>
    <mergeCell ref="D117:E117"/>
    <mergeCell ref="F135:F142"/>
    <mergeCell ref="D126:E126"/>
    <mergeCell ref="D125:E125"/>
    <mergeCell ref="D138:E138"/>
    <mergeCell ref="D142:E142"/>
    <mergeCell ref="D116:E116"/>
    <mergeCell ref="D133:E133"/>
    <mergeCell ref="D118:E118"/>
    <mergeCell ref="D119:E119"/>
    <mergeCell ref="D120:E120"/>
    <mergeCell ref="D124:E124"/>
    <mergeCell ref="A135:E135"/>
    <mergeCell ref="A137:B138"/>
    <mergeCell ref="C137:E137"/>
    <mergeCell ref="A33:B33"/>
    <mergeCell ref="D43:E43"/>
  </mergeCells>
  <phoneticPr fontId="13" type="noConversion"/>
  <conditionalFormatting sqref="B4:B5 C43:C57 C59:C73 C75:C90 C92:C106 C112:C133">
    <cfRule type="containsBlanks" dxfId="4" priority="6">
      <formula>LEN(TRIM(B4))=0</formula>
    </cfRule>
  </conditionalFormatting>
  <conditionalFormatting sqref="B156:B157">
    <cfRule type="containsBlanks" dxfId="3" priority="4">
      <formula>LEN(TRIM(B156))=0</formula>
    </cfRule>
  </conditionalFormatting>
  <conditionalFormatting sqref="B147:C150">
    <cfRule type="containsBlanks" dxfId="2" priority="26">
      <formula>LEN(TRIM(B147))=0</formula>
    </cfRule>
  </conditionalFormatting>
  <conditionalFormatting sqref="C139:C142">
    <cfRule type="containsBlanks" dxfId="1" priority="14">
      <formula>LEN(TRIM(C139))=0</formula>
    </cfRule>
  </conditionalFormatting>
  <conditionalFormatting sqref="D158:E159">
    <cfRule type="containsBlanks" dxfId="0" priority="24">
      <formula>LEN(TRIM(D158))=0</formula>
    </cfRule>
  </conditionalFormatting>
  <pageMargins left="0.7" right="0.7" top="0.97499999999999998" bottom="0.75" header="0.3" footer="0.3"/>
  <pageSetup paperSize="9" scale="52"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106" max="4" man="1"/>
    <brk id="143"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3</xdr:row>
                    <xdr:rowOff>38100</xdr:rowOff>
                  </from>
                  <to>
                    <xdr:col>0</xdr:col>
                    <xdr:colOff>533400</xdr:colOff>
                    <xdr:row>34</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4</xdr:row>
                    <xdr:rowOff>0</xdr:rowOff>
                  </from>
                  <to>
                    <xdr:col>0</xdr:col>
                    <xdr:colOff>523875</xdr:colOff>
                    <xdr:row>3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Katarína Duláková</cp:lastModifiedBy>
  <cp:lastPrinted>2024-02-22T08:19:32Z</cp:lastPrinted>
  <dcterms:created xsi:type="dcterms:W3CDTF">2017-04-21T05:51:15Z</dcterms:created>
  <dcterms:modified xsi:type="dcterms:W3CDTF">2026-03-11T13:48:22Z</dcterms:modified>
</cp:coreProperties>
</file>